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0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14006\Desktop\"/>
    </mc:Choice>
  </mc:AlternateContent>
  <xr:revisionPtr revIDLastSave="0" documentId="13_ncr:1_{CDB0EAAE-B520-401F-87F6-D50660A4A30A}" xr6:coauthVersionLast="45" xr6:coauthVersionMax="45" xr10:uidLastSave="{00000000-0000-0000-0000-000000000000}"/>
  <bookViews>
    <workbookView xWindow="-120" yWindow="-120" windowWidth="20730" windowHeight="11160" xr2:uid="{00000000-000D-0000-FFFF-FFFF00000000}"/>
  </bookViews>
  <sheets>
    <sheet name="使用申込書" sheetId="4" r:id="rId1"/>
  </sheets>
  <definedNames>
    <definedName name="_xlnm.Print_Area" localSheetId="0">使用申込書!$A$1:$L$45</definedName>
  </definedNames>
  <calcPr calcId="145621"/>
</workbook>
</file>

<file path=xl/sharedStrings.xml><?xml version="1.0" encoding="utf-8"?>
<sst xmlns="http://schemas.openxmlformats.org/spreadsheetml/2006/main" count="49" uniqueCount="49">
  <si>
    <t>太線内すべてご記入下さい。</t>
    <rPh sb="0" eb="2">
      <t>フトセン</t>
    </rPh>
    <rPh sb="2" eb="3">
      <t>ナイ</t>
    </rPh>
    <rPh sb="7" eb="9">
      <t>キニュウ</t>
    </rPh>
    <rPh sb="9" eb="10">
      <t>クダ</t>
    </rPh>
    <phoneticPr fontId="4"/>
  </si>
  <si>
    <t>駐  車　場  使　 用  申  込  書</t>
    <rPh sb="0" eb="1">
      <t>チュウ</t>
    </rPh>
    <rPh sb="3" eb="4">
      <t>クルマ</t>
    </rPh>
    <rPh sb="5" eb="6">
      <t>ジョウ</t>
    </rPh>
    <rPh sb="8" eb="9">
      <t>ツカ</t>
    </rPh>
    <rPh sb="11" eb="12">
      <t>ヨウ</t>
    </rPh>
    <rPh sb="14" eb="15">
      <t>サル</t>
    </rPh>
    <rPh sb="17" eb="18">
      <t>コミ</t>
    </rPh>
    <rPh sb="20" eb="21">
      <t>ショ</t>
    </rPh>
    <phoneticPr fontId="4"/>
  </si>
  <si>
    <t>一般財団法人　神戸すまいまちづくり公社</t>
    <rPh sb="0" eb="2">
      <t>イッパン</t>
    </rPh>
    <rPh sb="2" eb="4">
      <t>ザイダン</t>
    </rPh>
    <rPh sb="4" eb="6">
      <t>ホウジン</t>
    </rPh>
    <rPh sb="7" eb="9">
      <t>コウベ</t>
    </rPh>
    <rPh sb="17" eb="18">
      <t>コウ</t>
    </rPh>
    <rPh sb="18" eb="19">
      <t>シャ</t>
    </rPh>
    <phoneticPr fontId="4"/>
  </si>
  <si>
    <t>（誓約事項）</t>
  </si>
  <si>
    <t xml:space="preserve">
（1）一般財団法人　神戸すまいまちづくり公社　「自動車保管場所使用契約書」に定める条件を遵守することを
　  誓約し、駐車場使用を申込みます。</t>
    <rPh sb="4" eb="6">
      <t>イッパン</t>
    </rPh>
    <rPh sb="6" eb="8">
      <t>ザイダン</t>
    </rPh>
    <rPh sb="8" eb="10">
      <t>ホウジン</t>
    </rPh>
    <rPh sb="21" eb="22">
      <t>コウ</t>
    </rPh>
    <rPh sb="22" eb="23">
      <t>シャ</t>
    </rPh>
    <rPh sb="25" eb="28">
      <t>ジドウシャ</t>
    </rPh>
    <rPh sb="28" eb="30">
      <t>ホカン</t>
    </rPh>
    <rPh sb="30" eb="32">
      <t>バショ</t>
    </rPh>
    <rPh sb="32" eb="34">
      <t>シヨウ</t>
    </rPh>
    <rPh sb="34" eb="36">
      <t>ケイヤク</t>
    </rPh>
    <rPh sb="36" eb="37">
      <t>ショ</t>
    </rPh>
    <phoneticPr fontId="4"/>
  </si>
  <si>
    <t>（2）申込者が「暴力団員による不当な行為の防止等に関する法律」（平成3年法律第77号）第2条第6号に
      規定する暴力団員（以下「暴力団員」という。）ではないことを誓約するとともに、申込者の個人情報が
      神戸市及 び 警察等関係機関 へ提供される場合があることに同意します。また、暴力団員であることが
　　　判明したときには駐車場を返還することを誓約します。</t>
    <rPh sb="95" eb="97">
      <t>モウシコミ</t>
    </rPh>
    <rPh sb="97" eb="98">
      <t>シャ</t>
    </rPh>
    <rPh sb="99" eb="101">
      <t>コジン</t>
    </rPh>
    <rPh sb="101" eb="103">
      <t>ジョウホウ</t>
    </rPh>
    <rPh sb="111" eb="114">
      <t>コウベシ</t>
    </rPh>
    <rPh sb="114" eb="115">
      <t>オヨ</t>
    </rPh>
    <rPh sb="118" eb="121">
      <t>ケイサツトウ</t>
    </rPh>
    <rPh sb="121" eb="123">
      <t>カンケイ</t>
    </rPh>
    <rPh sb="123" eb="125">
      <t>キカン</t>
    </rPh>
    <rPh sb="132" eb="134">
      <t>バアイ</t>
    </rPh>
    <rPh sb="140" eb="142">
      <t>ドウイ</t>
    </rPh>
    <phoneticPr fontId="4"/>
  </si>
  <si>
    <t>申　 込 　者</t>
    <rPh sb="0" eb="1">
      <t>サル</t>
    </rPh>
    <rPh sb="3" eb="4">
      <t>コミ</t>
    </rPh>
    <rPh sb="6" eb="7">
      <t>シャ</t>
    </rPh>
    <phoneticPr fontId="4"/>
  </si>
  <si>
    <t>郵便番号</t>
    <rPh sb="0" eb="2">
      <t>ユウビン</t>
    </rPh>
    <rPh sb="2" eb="4">
      <t>バンゴウ</t>
    </rPh>
    <phoneticPr fontId="4"/>
  </si>
  <si>
    <t>〒</t>
    <phoneticPr fontId="4"/>
  </si>
  <si>
    <t>　　　　-　　　　　</t>
    <phoneticPr fontId="4"/>
  </si>
  <si>
    <t>住　　　　所</t>
    <rPh sb="0" eb="1">
      <t>ジュウ</t>
    </rPh>
    <rPh sb="5" eb="6">
      <t>ショ</t>
    </rPh>
    <phoneticPr fontId="4"/>
  </si>
  <si>
    <t>フ　リ　ガ　ナ</t>
    <phoneticPr fontId="4"/>
  </si>
  <si>
    <t>氏　　　　名</t>
    <rPh sb="0" eb="1">
      <t>シ</t>
    </rPh>
    <rPh sb="5" eb="6">
      <t>メイ</t>
    </rPh>
    <phoneticPr fontId="4"/>
  </si>
  <si>
    <t>　　　　　　　　　　　　　　　　　　　　　　　　　　　　　　㊞</t>
    <phoneticPr fontId="4"/>
  </si>
  <si>
    <t>電　　　　話</t>
    <rPh sb="0" eb="1">
      <t>デン</t>
    </rPh>
    <rPh sb="5" eb="6">
      <t>ハナシ</t>
    </rPh>
    <phoneticPr fontId="4"/>
  </si>
  <si>
    <t>自宅</t>
    <rPh sb="0" eb="2">
      <t>ジタク</t>
    </rPh>
    <phoneticPr fontId="4"/>
  </si>
  <si>
    <t>携帯</t>
    <rPh sb="0" eb="2">
      <t>ケイタイ</t>
    </rPh>
    <phoneticPr fontId="4"/>
  </si>
  <si>
    <t>勤　務　先</t>
    <rPh sb="0" eb="1">
      <t>ツトム</t>
    </rPh>
    <rPh sb="2" eb="3">
      <t>ツトム</t>
    </rPh>
    <rPh sb="4" eb="5">
      <t>サキ</t>
    </rPh>
    <phoneticPr fontId="4"/>
  </si>
  <si>
    <t>勤務先電話</t>
    <rPh sb="0" eb="3">
      <t>キンムサキ</t>
    </rPh>
    <rPh sb="3" eb="5">
      <t>デンワ</t>
    </rPh>
    <phoneticPr fontId="4"/>
  </si>
  <si>
    <t>＊この申込書に必ず自動車検査証のコピーを添付して下さい。
　但し自動車検査証は、申込時点で有効期限内のものに限ります。</t>
    <phoneticPr fontId="4"/>
  </si>
  <si>
    <t>駐車場名</t>
    <rPh sb="0" eb="2">
      <t>チュウシャ</t>
    </rPh>
    <rPh sb="2" eb="3">
      <t>ジョウ</t>
    </rPh>
    <rPh sb="3" eb="4">
      <t>ナ</t>
    </rPh>
    <phoneticPr fontId="4"/>
  </si>
  <si>
    <t>車室番号</t>
    <rPh sb="0" eb="1">
      <t>シャ</t>
    </rPh>
    <rPh sb="1" eb="2">
      <t>シツ</t>
    </rPh>
    <rPh sb="2" eb="4">
      <t>バンゴウ</t>
    </rPh>
    <phoneticPr fontId="4"/>
  </si>
  <si>
    <t>番</t>
    <rPh sb="0" eb="1">
      <t>バン</t>
    </rPh>
    <phoneticPr fontId="4"/>
  </si>
  <si>
    <t>使用期間</t>
    <rPh sb="0" eb="2">
      <t>シヨウ</t>
    </rPh>
    <rPh sb="2" eb="4">
      <t>キカン</t>
    </rPh>
    <phoneticPr fontId="4"/>
  </si>
  <si>
    <t>車名</t>
    <rPh sb="0" eb="2">
      <t>シャメイ</t>
    </rPh>
    <phoneticPr fontId="4"/>
  </si>
  <si>
    <t>登　録　番　号</t>
    <rPh sb="0" eb="1">
      <t>ノボル</t>
    </rPh>
    <rPh sb="2" eb="3">
      <t>ロク</t>
    </rPh>
    <rPh sb="4" eb="5">
      <t>バン</t>
    </rPh>
    <rPh sb="6" eb="7">
      <t>ゴウ</t>
    </rPh>
    <phoneticPr fontId="4"/>
  </si>
  <si>
    <t>大 き さ （ メ ー ト ル ）</t>
    <rPh sb="0" eb="1">
      <t>オオ</t>
    </rPh>
    <phoneticPr fontId="4"/>
  </si>
  <si>
    <t>備　考</t>
    <rPh sb="0" eb="1">
      <t>ソナエ</t>
    </rPh>
    <rPh sb="2" eb="3">
      <t>コウ</t>
    </rPh>
    <phoneticPr fontId="4"/>
  </si>
  <si>
    <t>長　さ</t>
    <rPh sb="0" eb="1">
      <t>ナガ</t>
    </rPh>
    <phoneticPr fontId="4"/>
  </si>
  <si>
    <t>幅</t>
    <rPh sb="0" eb="1">
      <t>ハバ</t>
    </rPh>
    <phoneticPr fontId="4"/>
  </si>
  <si>
    <t>高　さ</t>
    <rPh sb="0" eb="1">
      <t>タカ</t>
    </rPh>
    <phoneticPr fontId="4"/>
  </si>
  <si>
    <t>使　用 車 両</t>
    <rPh sb="0" eb="1">
      <t>ツカ</t>
    </rPh>
    <rPh sb="2" eb="3">
      <t>ヨウ</t>
    </rPh>
    <rPh sb="4" eb="5">
      <t>クルマ</t>
    </rPh>
    <rPh sb="6" eb="7">
      <t>リョウ</t>
    </rPh>
    <phoneticPr fontId="4"/>
  </si>
  <si>
    <t>≪個人情報取扱について≫</t>
    <rPh sb="1" eb="3">
      <t>コジン</t>
    </rPh>
    <rPh sb="3" eb="5">
      <t>ジョウホウ</t>
    </rPh>
    <rPh sb="5" eb="7">
      <t>トリアツカイ</t>
    </rPh>
    <phoneticPr fontId="4"/>
  </si>
  <si>
    <t>本申込書に記載された個人情報は、神戸すまいまちづくり公社にて厳重に保管し、駐車場管理業務の目的以外には</t>
    <rPh sb="16" eb="18">
      <t>コウベ</t>
    </rPh>
    <rPh sb="26" eb="27">
      <t>コウ</t>
    </rPh>
    <rPh sb="27" eb="28">
      <t>シャ</t>
    </rPh>
    <rPh sb="30" eb="32">
      <t>ゲンジュウ</t>
    </rPh>
    <rPh sb="33" eb="35">
      <t>ホカン</t>
    </rPh>
    <rPh sb="37" eb="39">
      <t>チュウシャ</t>
    </rPh>
    <rPh sb="39" eb="40">
      <t>ジョウ</t>
    </rPh>
    <rPh sb="40" eb="42">
      <t>カンリ</t>
    </rPh>
    <rPh sb="42" eb="44">
      <t>ギョウム</t>
    </rPh>
    <rPh sb="45" eb="47">
      <t>モクテキ</t>
    </rPh>
    <phoneticPr fontId="4"/>
  </si>
  <si>
    <t>使用いたしません。</t>
    <rPh sb="0" eb="2">
      <t>シヨウ</t>
    </rPh>
    <phoneticPr fontId="4"/>
  </si>
  <si>
    <t>三井住友</t>
    <rPh sb="0" eb="2">
      <t>ミツイ</t>
    </rPh>
    <rPh sb="2" eb="4">
      <t>スミトモ</t>
    </rPh>
    <phoneticPr fontId="4"/>
  </si>
  <si>
    <t>みなと</t>
    <phoneticPr fontId="4"/>
  </si>
  <si>
    <t>≪お問合せ先≫</t>
    <phoneticPr fontId="4"/>
  </si>
  <si>
    <t>一般財団法人　神戸すまいまちづくり公社   駐車場係</t>
    <rPh sb="0" eb="2">
      <t>イッパン</t>
    </rPh>
    <rPh sb="2" eb="4">
      <t>ザイダン</t>
    </rPh>
    <rPh sb="4" eb="6">
      <t>ホウジン</t>
    </rPh>
    <rPh sb="7" eb="9">
      <t>コウベ</t>
    </rPh>
    <rPh sb="17" eb="19">
      <t>コウシャ</t>
    </rPh>
    <rPh sb="22" eb="25">
      <t>チュウシャジョウ</t>
    </rPh>
    <rPh sb="25" eb="26">
      <t>カカリ</t>
    </rPh>
    <phoneticPr fontId="4"/>
  </si>
  <si>
    <t>一般財団法人　神戸すまいまちづくり公社　R1.10</t>
    <rPh sb="0" eb="2">
      <t>イッパン</t>
    </rPh>
    <rPh sb="2" eb="4">
      <t>ザイダン</t>
    </rPh>
    <rPh sb="4" eb="6">
      <t>ホウジン</t>
    </rPh>
    <rPh sb="7" eb="9">
      <t>コウベ</t>
    </rPh>
    <rPh sb="17" eb="18">
      <t>コウ</t>
    </rPh>
    <rPh sb="18" eb="19">
      <t>シャ</t>
    </rPh>
    <phoneticPr fontId="4"/>
  </si>
  <si>
    <t>令和　　年　 　月　 　日</t>
    <rPh sb="0" eb="2">
      <t>レイワ</t>
    </rPh>
    <rPh sb="4" eb="5">
      <t>ネン</t>
    </rPh>
    <rPh sb="8" eb="9">
      <t>ツキ</t>
    </rPh>
    <rPh sb="12" eb="13">
      <t>ヒ</t>
    </rPh>
    <phoneticPr fontId="4"/>
  </si>
  <si>
    <t>令和　 　年　 　月　1　日</t>
    <rPh sb="0" eb="2">
      <t>レイワ</t>
    </rPh>
    <rPh sb="5" eb="6">
      <t>ネン</t>
    </rPh>
    <rPh sb="9" eb="10">
      <t>ツキ</t>
    </rPh>
    <rPh sb="13" eb="14">
      <t>ヒ</t>
    </rPh>
    <phoneticPr fontId="4"/>
  </si>
  <si>
    <t>～　令和　 　年　 　月　  　日</t>
    <rPh sb="2" eb="4">
      <t>レイワ</t>
    </rPh>
    <rPh sb="7" eb="8">
      <t>ネン</t>
    </rPh>
    <rPh sb="11" eb="12">
      <t>ツキ</t>
    </rPh>
    <rPh sb="16" eb="17">
      <t>ヒ</t>
    </rPh>
    <phoneticPr fontId="4"/>
  </si>
  <si>
    <t>〒653-0042　</t>
    <phoneticPr fontId="4"/>
  </si>
  <si>
    <t>神戸市長田区二葉町5丁目1番32号　新長田合同庁舎8階</t>
    <rPh sb="3" eb="5">
      <t>ナガタ</t>
    </rPh>
    <rPh sb="6" eb="9">
      <t>フタバチョウ</t>
    </rPh>
    <rPh sb="18" eb="21">
      <t>シンナガタ</t>
    </rPh>
    <rPh sb="21" eb="23">
      <t>ゴウドウ</t>
    </rPh>
    <rPh sb="23" eb="25">
      <t>チョウシャ</t>
    </rPh>
    <phoneticPr fontId="4"/>
  </si>
  <si>
    <t>TEL：078-647-9706</t>
    <phoneticPr fontId="4"/>
  </si>
  <si>
    <t>FAX：078-647-9623</t>
    <phoneticPr fontId="4"/>
  </si>
  <si>
    <t>使用料振替銀行 どちらかに○</t>
    <phoneticPr fontId="3"/>
  </si>
  <si>
    <t>　　　　　理　事　長　　鳥 居　聡　　宛</t>
    <rPh sb="5" eb="6">
      <t>リ</t>
    </rPh>
    <rPh sb="7" eb="8">
      <t>コト</t>
    </rPh>
    <rPh sb="9" eb="10">
      <t>チョウ</t>
    </rPh>
    <rPh sb="12" eb="13">
      <t>トリ</t>
    </rPh>
    <rPh sb="14" eb="15">
      <t>イ</t>
    </rPh>
    <rPh sb="16" eb="17">
      <t>サトシ</t>
    </rPh>
    <rPh sb="19" eb="20">
      <t>アテ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[$-411]ggge&quot;年&quot;m&quot;月&quot;d&quot;日&quot;;@"/>
  </numFmts>
  <fonts count="14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22"/>
      <name val="ＭＳ Ｐ明朝"/>
      <family val="1"/>
      <charset val="128"/>
    </font>
    <font>
      <sz val="12"/>
      <name val="ＭＳ Ｐ明朝"/>
      <family val="1"/>
      <charset val="128"/>
    </font>
    <font>
      <sz val="13"/>
      <name val="ＭＳ Ｐ明朝"/>
      <family val="1"/>
      <charset val="128"/>
    </font>
    <font>
      <sz val="16"/>
      <name val="ＭＳ Ｐ明朝"/>
      <family val="1"/>
      <charset val="128"/>
    </font>
    <font>
      <sz val="14"/>
      <name val="ＭＳ Ｐ明朝"/>
      <family val="1"/>
      <charset val="128"/>
    </font>
    <font>
      <b/>
      <sz val="16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ck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/>
      <right style="hair">
        <color indexed="64"/>
      </right>
      <top style="thick">
        <color indexed="64"/>
      </top>
      <bottom/>
      <diagonal/>
    </border>
    <border>
      <left style="hair">
        <color indexed="64"/>
      </left>
      <right style="hair">
        <color indexed="64"/>
      </right>
      <top style="thick">
        <color indexed="64"/>
      </top>
      <bottom/>
      <diagonal/>
    </border>
    <border>
      <left style="hair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hair">
        <color indexed="64"/>
      </right>
      <top/>
      <bottom style="thick">
        <color indexed="64"/>
      </bottom>
      <diagonal/>
    </border>
    <border>
      <left style="hair">
        <color indexed="64"/>
      </left>
      <right style="thick">
        <color indexed="64"/>
      </right>
      <top/>
      <bottom style="thick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6" fontId="1" fillId="0" borderId="0" applyFont="0" applyFill="0" applyBorder="0" applyAlignment="0" applyProtection="0">
      <alignment vertical="center"/>
    </xf>
  </cellStyleXfs>
  <cellXfs count="109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1" xfId="1" applyFont="1" applyBorder="1" applyAlignment="1">
      <alignment vertical="center"/>
    </xf>
    <xf numFmtId="0" fontId="2" fillId="0" borderId="2" xfId="1" applyFont="1" applyBorder="1" applyAlignment="1">
      <alignment vertical="center"/>
    </xf>
    <xf numFmtId="0" fontId="2" fillId="0" borderId="3" xfId="1" applyFont="1" applyBorder="1" applyAlignment="1">
      <alignment vertical="center"/>
    </xf>
    <xf numFmtId="0" fontId="2" fillId="0" borderId="0" xfId="1" applyFont="1" applyBorder="1">
      <alignment vertical="center"/>
    </xf>
    <xf numFmtId="0" fontId="2" fillId="0" borderId="0" xfId="1" applyFont="1" applyBorder="1" applyAlignment="1">
      <alignment horizontal="center" vertical="center"/>
    </xf>
    <xf numFmtId="0" fontId="2" fillId="0" borderId="0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1" fillId="0" borderId="0" xfId="1" applyAlignment="1">
      <alignment vertical="center"/>
    </xf>
    <xf numFmtId="0" fontId="6" fillId="0" borderId="0" xfId="1" applyFont="1" applyAlignment="1">
      <alignment vertical="center"/>
    </xf>
    <xf numFmtId="0" fontId="6" fillId="0" borderId="0" xfId="1" applyFont="1">
      <alignment vertical="center"/>
    </xf>
    <xf numFmtId="0" fontId="7" fillId="0" borderId="0" xfId="1" applyFont="1" applyAlignment="1">
      <alignment vertical="center"/>
    </xf>
    <xf numFmtId="0" fontId="6" fillId="0" borderId="0" xfId="1" applyFont="1" applyBorder="1">
      <alignment vertical="center"/>
    </xf>
    <xf numFmtId="0" fontId="6" fillId="0" borderId="0" xfId="1" applyFont="1" applyAlignment="1">
      <alignment horizontal="left" vertical="center"/>
    </xf>
    <xf numFmtId="0" fontId="2" fillId="0" borderId="0" xfId="1" applyFont="1" applyAlignment="1">
      <alignment vertical="center" wrapText="1"/>
    </xf>
    <xf numFmtId="0" fontId="2" fillId="0" borderId="0" xfId="1" applyFont="1" applyBorder="1" applyAlignment="1">
      <alignment vertical="center" wrapText="1"/>
    </xf>
    <xf numFmtId="6" fontId="2" fillId="0" borderId="0" xfId="2" applyFont="1" applyBorder="1" applyAlignment="1">
      <alignment vertical="center"/>
    </xf>
    <xf numFmtId="6" fontId="2" fillId="0" borderId="0" xfId="2" applyFont="1" applyAlignment="1">
      <alignment vertical="center"/>
    </xf>
    <xf numFmtId="6" fontId="2" fillId="0" borderId="0" xfId="2" applyFont="1" applyAlignment="1">
      <alignment horizontal="left" vertical="top" wrapText="1"/>
    </xf>
    <xf numFmtId="0" fontId="2" fillId="0" borderId="7" xfId="1" applyFont="1" applyBorder="1" applyAlignment="1">
      <alignment horizontal="distributed" vertical="distributed"/>
    </xf>
    <xf numFmtId="0" fontId="8" fillId="0" borderId="8" xfId="1" applyFont="1" applyBorder="1" applyAlignment="1">
      <alignment horizontal="center" vertical="center"/>
    </xf>
    <xf numFmtId="0" fontId="8" fillId="0" borderId="7" xfId="1" applyFont="1" applyBorder="1" applyAlignment="1">
      <alignment vertical="center"/>
    </xf>
    <xf numFmtId="0" fontId="2" fillId="0" borderId="7" xfId="1" applyFont="1" applyBorder="1">
      <alignment vertical="center"/>
    </xf>
    <xf numFmtId="0" fontId="2" fillId="0" borderId="9" xfId="1" applyFont="1" applyBorder="1">
      <alignment vertical="center"/>
    </xf>
    <xf numFmtId="0" fontId="7" fillId="0" borderId="12" xfId="1" applyFont="1" applyBorder="1" applyAlignment="1">
      <alignment horizontal="center" vertical="center"/>
    </xf>
    <xf numFmtId="0" fontId="2" fillId="0" borderId="12" xfId="1" applyFont="1" applyBorder="1">
      <alignment vertical="center"/>
    </xf>
    <xf numFmtId="0" fontId="2" fillId="0" borderId="13" xfId="1" applyFont="1" applyBorder="1">
      <alignment vertical="center"/>
    </xf>
    <xf numFmtId="0" fontId="2" fillId="0" borderId="14" xfId="1" applyFont="1" applyBorder="1">
      <alignment vertical="center"/>
    </xf>
    <xf numFmtId="0" fontId="7" fillId="0" borderId="15" xfId="1" applyFont="1" applyBorder="1" applyAlignment="1">
      <alignment vertical="center" textRotation="255"/>
    </xf>
    <xf numFmtId="0" fontId="2" fillId="0" borderId="0" xfId="1" applyFont="1" applyBorder="1" applyAlignment="1">
      <alignment horizontal="distributed" vertical="distributed"/>
    </xf>
    <xf numFmtId="0" fontId="9" fillId="0" borderId="0" xfId="1" applyFont="1" applyBorder="1">
      <alignment vertical="center"/>
    </xf>
    <xf numFmtId="0" fontId="2" fillId="0" borderId="16" xfId="1" applyFont="1" applyBorder="1">
      <alignment vertical="center"/>
    </xf>
    <xf numFmtId="0" fontId="7" fillId="0" borderId="0" xfId="1" applyFont="1" applyBorder="1" applyAlignment="1">
      <alignment horizontal="center" vertical="center"/>
    </xf>
    <xf numFmtId="0" fontId="7" fillId="0" borderId="15" xfId="1" applyFont="1" applyBorder="1" applyAlignment="1">
      <alignment vertical="center"/>
    </xf>
    <xf numFmtId="0" fontId="6" fillId="0" borderId="0" xfId="1" applyFont="1" applyBorder="1" applyAlignment="1">
      <alignment vertical="center"/>
    </xf>
    <xf numFmtId="0" fontId="6" fillId="0" borderId="16" xfId="1" applyFont="1" applyBorder="1" applyAlignment="1">
      <alignment vertical="center"/>
    </xf>
    <xf numFmtId="0" fontId="7" fillId="0" borderId="19" xfId="1" applyFont="1" applyBorder="1" applyAlignment="1">
      <alignment horizontal="center" vertical="center"/>
    </xf>
    <xf numFmtId="0" fontId="2" fillId="0" borderId="19" xfId="1" applyFont="1" applyBorder="1">
      <alignment vertical="center"/>
    </xf>
    <xf numFmtId="0" fontId="7" fillId="0" borderId="20" xfId="1" applyFont="1" applyBorder="1" applyAlignment="1">
      <alignment horizontal="center" vertical="center"/>
    </xf>
    <xf numFmtId="0" fontId="10" fillId="0" borderId="20" xfId="1" applyFont="1" applyBorder="1" applyAlignment="1">
      <alignment vertical="center"/>
    </xf>
    <xf numFmtId="0" fontId="7" fillId="0" borderId="20" xfId="1" applyFont="1" applyBorder="1" applyAlignment="1">
      <alignment vertical="center"/>
    </xf>
    <xf numFmtId="0" fontId="8" fillId="0" borderId="21" xfId="1" applyFont="1" applyBorder="1" applyAlignment="1">
      <alignment horizontal="center" vertical="center"/>
    </xf>
    <xf numFmtId="0" fontId="11" fillId="0" borderId="0" xfId="1" applyFont="1" applyAlignment="1">
      <alignment vertical="center"/>
    </xf>
    <xf numFmtId="0" fontId="11" fillId="0" borderId="0" xfId="1" applyFont="1" applyAlignment="1">
      <alignment horizontal="center" vertical="center"/>
    </xf>
    <xf numFmtId="0" fontId="12" fillId="0" borderId="0" xfId="1" applyFont="1" applyAlignment="1">
      <alignment vertical="center"/>
    </xf>
    <xf numFmtId="0" fontId="7" fillId="0" borderId="30" xfId="1" applyFont="1" applyBorder="1" applyAlignment="1">
      <alignment horizontal="center" vertical="center"/>
    </xf>
    <xf numFmtId="0" fontId="7" fillId="0" borderId="33" xfId="1" applyFont="1" applyBorder="1">
      <alignment vertical="center"/>
    </xf>
    <xf numFmtId="0" fontId="7" fillId="0" borderId="34" xfId="1" applyFont="1" applyBorder="1">
      <alignment vertical="center"/>
    </xf>
    <xf numFmtId="0" fontId="7" fillId="0" borderId="35" xfId="1" applyFont="1" applyBorder="1">
      <alignment vertical="center"/>
    </xf>
    <xf numFmtId="0" fontId="7" fillId="0" borderId="36" xfId="1" applyFont="1" applyBorder="1">
      <alignment vertical="center"/>
    </xf>
    <xf numFmtId="0" fontId="7" fillId="0" borderId="38" xfId="1" applyFont="1" applyBorder="1">
      <alignment vertical="center"/>
    </xf>
    <xf numFmtId="0" fontId="7" fillId="0" borderId="39" xfId="1" applyFont="1" applyBorder="1">
      <alignment vertical="center"/>
    </xf>
    <xf numFmtId="0" fontId="7" fillId="0" borderId="40" xfId="1" applyFont="1" applyBorder="1">
      <alignment vertical="center"/>
    </xf>
    <xf numFmtId="0" fontId="7" fillId="0" borderId="41" xfId="1" applyFont="1" applyBorder="1">
      <alignment vertical="center"/>
    </xf>
    <xf numFmtId="0" fontId="7" fillId="0" borderId="43" xfId="1" applyFont="1" applyBorder="1">
      <alignment vertical="center"/>
    </xf>
    <xf numFmtId="0" fontId="7" fillId="0" borderId="44" xfId="1" applyFont="1" applyBorder="1">
      <alignment vertical="center"/>
    </xf>
    <xf numFmtId="0" fontId="7" fillId="0" borderId="45" xfId="1" applyFont="1" applyBorder="1">
      <alignment vertical="center"/>
    </xf>
    <xf numFmtId="0" fontId="7" fillId="0" borderId="46" xfId="1" applyFont="1" applyBorder="1">
      <alignment vertical="center"/>
    </xf>
    <xf numFmtId="0" fontId="2" fillId="0" borderId="0" xfId="1" applyFont="1" applyBorder="1" applyAlignment="1">
      <alignment vertical="center"/>
    </xf>
    <xf numFmtId="0" fontId="13" fillId="0" borderId="0" xfId="1" applyFont="1">
      <alignment vertical="center"/>
    </xf>
    <xf numFmtId="0" fontId="13" fillId="0" borderId="0" xfId="1" applyFont="1" applyBorder="1">
      <alignment vertical="center"/>
    </xf>
    <xf numFmtId="0" fontId="2" fillId="0" borderId="0" xfId="1" applyFont="1" applyAlignment="1">
      <alignment vertical="center"/>
    </xf>
    <xf numFmtId="0" fontId="2" fillId="0" borderId="0" xfId="1" applyFont="1" applyBorder="1" applyAlignment="1">
      <alignment vertical="center"/>
    </xf>
    <xf numFmtId="6" fontId="2" fillId="0" borderId="0" xfId="2" applyFont="1" applyAlignment="1">
      <alignment horizontal="left" vertical="top" wrapText="1"/>
    </xf>
    <xf numFmtId="0" fontId="2" fillId="0" borderId="4" xfId="1" applyFont="1" applyBorder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6" fillId="0" borderId="0" xfId="1" applyFont="1" applyAlignment="1">
      <alignment horizontal="left" vertical="center"/>
    </xf>
    <xf numFmtId="0" fontId="2" fillId="0" borderId="0" xfId="1" applyFont="1" applyAlignment="1">
      <alignment horizontal="left" wrapText="1"/>
    </xf>
    <xf numFmtId="0" fontId="7" fillId="0" borderId="32" xfId="1" applyFont="1" applyBorder="1" applyAlignment="1">
      <alignment horizontal="center" vertical="center" textRotation="255"/>
    </xf>
    <xf numFmtId="0" fontId="7" fillId="0" borderId="37" xfId="1" applyFont="1" applyBorder="1" applyAlignment="1">
      <alignment horizontal="center" vertical="center" textRotation="255"/>
    </xf>
    <xf numFmtId="0" fontId="7" fillId="0" borderId="42" xfId="1" applyFont="1" applyBorder="1" applyAlignment="1">
      <alignment horizontal="center" vertical="center" textRotation="255"/>
    </xf>
    <xf numFmtId="0" fontId="7" fillId="0" borderId="35" xfId="1" applyFont="1" applyBorder="1" applyAlignment="1">
      <alignment horizontal="center" vertical="center"/>
    </xf>
    <xf numFmtId="0" fontId="7" fillId="0" borderId="40" xfId="1" applyFont="1" applyBorder="1" applyAlignment="1">
      <alignment horizontal="center" vertical="center"/>
    </xf>
    <xf numFmtId="0" fontId="7" fillId="0" borderId="45" xfId="1" applyFont="1" applyBorder="1" applyAlignment="1">
      <alignment horizontal="center" vertical="center"/>
    </xf>
    <xf numFmtId="0" fontId="7" fillId="0" borderId="5" xfId="1" applyFont="1" applyBorder="1" applyAlignment="1">
      <alignment horizontal="center" vertical="center" textRotation="255"/>
    </xf>
    <xf numFmtId="0" fontId="7" fillId="0" borderId="6" xfId="1" applyFont="1" applyBorder="1" applyAlignment="1">
      <alignment horizontal="center" vertical="center" textRotation="255"/>
    </xf>
    <xf numFmtId="0" fontId="7" fillId="0" borderId="10" xfId="1" applyFont="1" applyBorder="1" applyAlignment="1">
      <alignment horizontal="center" vertical="center" textRotation="255"/>
    </xf>
    <xf numFmtId="0" fontId="7" fillId="0" borderId="11" xfId="1" applyFont="1" applyBorder="1" applyAlignment="1">
      <alignment horizontal="center" vertical="center" textRotation="255"/>
    </xf>
    <xf numFmtId="0" fontId="7" fillId="0" borderId="17" xfId="1" applyFont="1" applyBorder="1" applyAlignment="1">
      <alignment horizontal="center" vertical="center" textRotation="255"/>
    </xf>
    <xf numFmtId="0" fontId="7" fillId="0" borderId="18" xfId="1" applyFont="1" applyBorder="1" applyAlignment="1">
      <alignment horizontal="center" vertical="center" textRotation="255"/>
    </xf>
    <xf numFmtId="0" fontId="9" fillId="0" borderId="12" xfId="1" applyFont="1" applyBorder="1" applyAlignment="1">
      <alignment horizontal="center" vertical="center" wrapText="1"/>
    </xf>
    <xf numFmtId="0" fontId="9" fillId="0" borderId="13" xfId="1" applyFont="1" applyBorder="1" applyAlignment="1">
      <alignment horizontal="center" vertical="center" wrapText="1"/>
    </xf>
    <xf numFmtId="0" fontId="9" fillId="0" borderId="14" xfId="1" applyFont="1" applyBorder="1" applyAlignment="1">
      <alignment horizontal="center" vertical="center" wrapText="1"/>
    </xf>
    <xf numFmtId="0" fontId="2" fillId="0" borderId="0" xfId="1" applyFont="1" applyAlignment="1">
      <alignment horizontal="left" vertical="top" wrapText="1"/>
    </xf>
    <xf numFmtId="0" fontId="11" fillId="0" borderId="0" xfId="1" applyFont="1" applyAlignment="1">
      <alignment horizontal="center" vertical="center"/>
    </xf>
    <xf numFmtId="0" fontId="11" fillId="0" borderId="0" xfId="1" applyFont="1" applyAlignment="1">
      <alignment horizontal="right" vertical="center"/>
    </xf>
    <xf numFmtId="176" fontId="11" fillId="0" borderId="0" xfId="1" applyNumberFormat="1" applyFont="1" applyAlignment="1">
      <alignment horizontal="center" vertical="center"/>
    </xf>
    <xf numFmtId="0" fontId="11" fillId="0" borderId="0" xfId="1" applyFont="1" applyAlignment="1">
      <alignment horizontal="left" vertical="center"/>
    </xf>
    <xf numFmtId="0" fontId="7" fillId="0" borderId="22" xfId="1" applyFont="1" applyBorder="1" applyAlignment="1">
      <alignment horizontal="center" vertical="center"/>
    </xf>
    <xf numFmtId="0" fontId="7" fillId="0" borderId="26" xfId="1" applyFont="1" applyBorder="1" applyAlignment="1">
      <alignment horizontal="center" vertical="center"/>
    </xf>
    <xf numFmtId="0" fontId="7" fillId="0" borderId="8" xfId="1" applyFont="1" applyBorder="1" applyAlignment="1">
      <alignment horizontal="center" vertical="center"/>
    </xf>
    <xf numFmtId="0" fontId="7" fillId="0" borderId="23" xfId="1" applyFont="1" applyBorder="1" applyAlignment="1">
      <alignment horizontal="center" vertical="center"/>
    </xf>
    <xf numFmtId="0" fontId="7" fillId="0" borderId="27" xfId="1" applyFont="1" applyBorder="1" applyAlignment="1">
      <alignment horizontal="center" vertical="center"/>
    </xf>
    <xf numFmtId="0" fontId="7" fillId="0" borderId="28" xfId="1" applyFont="1" applyBorder="1" applyAlignment="1">
      <alignment horizontal="center" vertical="center"/>
    </xf>
    <xf numFmtId="0" fontId="7" fillId="0" borderId="24" xfId="1" applyFont="1" applyBorder="1" applyAlignment="1">
      <alignment horizontal="center" vertical="center"/>
    </xf>
    <xf numFmtId="0" fontId="7" fillId="0" borderId="29" xfId="1" applyFont="1" applyBorder="1" applyAlignment="1">
      <alignment horizontal="center" vertical="center"/>
    </xf>
    <xf numFmtId="0" fontId="7" fillId="0" borderId="25" xfId="1" applyFont="1" applyBorder="1" applyAlignment="1">
      <alignment horizontal="center" vertical="center"/>
    </xf>
    <xf numFmtId="0" fontId="7" fillId="0" borderId="31" xfId="1" applyFont="1" applyBorder="1" applyAlignment="1">
      <alignment horizontal="center" vertical="center"/>
    </xf>
    <xf numFmtId="0" fontId="2" fillId="0" borderId="0" xfId="1" applyFont="1" applyBorder="1" applyAlignment="1">
      <alignment horizontal="left" vertical="center"/>
    </xf>
    <xf numFmtId="0" fontId="2" fillId="0" borderId="0" xfId="1" applyFont="1" applyBorder="1" applyAlignment="1">
      <alignment vertical="center"/>
    </xf>
    <xf numFmtId="0" fontId="2" fillId="0" borderId="50" xfId="1" applyFont="1" applyBorder="1" applyAlignment="1">
      <alignment horizontal="center" vertical="center"/>
    </xf>
    <xf numFmtId="0" fontId="1" fillId="0" borderId="51" xfId="1" applyBorder="1" applyAlignment="1">
      <alignment horizontal="center" vertical="center"/>
    </xf>
    <xf numFmtId="0" fontId="2" fillId="0" borderId="0" xfId="1" applyFont="1" applyAlignment="1">
      <alignment horizontal="left" vertical="center"/>
    </xf>
    <xf numFmtId="0" fontId="1" fillId="0" borderId="0" xfId="1" applyBorder="1" applyAlignment="1">
      <alignment vertical="center"/>
    </xf>
    <xf numFmtId="0" fontId="2" fillId="0" borderId="52" xfId="1" applyFont="1" applyBorder="1" applyAlignment="1">
      <alignment horizontal="center" vertical="center"/>
    </xf>
    <xf numFmtId="0" fontId="2" fillId="0" borderId="47" xfId="1" applyFont="1" applyBorder="1" applyAlignment="1">
      <alignment horizontal="center" vertical="center" shrinkToFit="1"/>
    </xf>
    <xf numFmtId="0" fontId="2" fillId="0" borderId="48" xfId="1" applyFont="1" applyBorder="1" applyAlignment="1">
      <alignment horizontal="center" vertical="center" shrinkToFit="1"/>
    </xf>
    <xf numFmtId="0" fontId="2" fillId="0" borderId="49" xfId="1" applyFont="1" applyBorder="1" applyAlignment="1">
      <alignment horizontal="center" vertical="center" shrinkToFit="1"/>
    </xf>
  </cellXfs>
  <cellStyles count="3">
    <cellStyle name="通貨 2" xfId="2" xr:uid="{00000000-0005-0000-0000-000000000000}"/>
    <cellStyle name="標準" xfId="0" builtinId="0"/>
    <cellStyle name="標準 2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9525</xdr:colOff>
      <xdr:row>27</xdr:row>
      <xdr:rowOff>0</xdr:rowOff>
    </xdr:from>
    <xdr:to>
      <xdr:col>1</xdr:col>
      <xdr:colOff>9525</xdr:colOff>
      <xdr:row>27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162050" y="897255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E45"/>
  <sheetViews>
    <sheetView tabSelected="1" view="pageBreakPreview" zoomScale="75" zoomScaleNormal="75" zoomScaleSheetLayoutView="75" workbookViewId="0">
      <selection activeCell="B8" sqref="B8:F8"/>
    </sheetView>
  </sheetViews>
  <sheetFormatPr defaultRowHeight="13.5" x14ac:dyDescent="0.15"/>
  <cols>
    <col min="1" max="1" width="15.125" style="5" customWidth="1"/>
    <col min="2" max="2" width="5" style="5" customWidth="1"/>
    <col min="3" max="3" width="7.125" style="5" customWidth="1"/>
    <col min="4" max="4" width="12.625" style="5" customWidth="1"/>
    <col min="5" max="5" width="3.875" style="5" customWidth="1"/>
    <col min="6" max="6" width="17" style="5" customWidth="1"/>
    <col min="7" max="9" width="10.625" style="5" customWidth="1"/>
    <col min="10" max="10" width="14.875" style="5" customWidth="1"/>
    <col min="11" max="11" width="9.5" style="5" customWidth="1"/>
    <col min="12" max="12" width="9" style="5" hidden="1" customWidth="1"/>
    <col min="13" max="256" width="9" style="5"/>
    <col min="257" max="257" width="15.125" style="5" customWidth="1"/>
    <col min="258" max="258" width="5" style="5" customWidth="1"/>
    <col min="259" max="259" width="7.125" style="5" customWidth="1"/>
    <col min="260" max="260" width="12.625" style="5" customWidth="1"/>
    <col min="261" max="261" width="3.875" style="5" customWidth="1"/>
    <col min="262" max="262" width="17" style="5" customWidth="1"/>
    <col min="263" max="265" width="10.625" style="5" customWidth="1"/>
    <col min="266" max="266" width="14.875" style="5" customWidth="1"/>
    <col min="267" max="267" width="9.5" style="5" customWidth="1"/>
    <col min="268" max="268" width="0" style="5" hidden="1" customWidth="1"/>
    <col min="269" max="512" width="9" style="5"/>
    <col min="513" max="513" width="15.125" style="5" customWidth="1"/>
    <col min="514" max="514" width="5" style="5" customWidth="1"/>
    <col min="515" max="515" width="7.125" style="5" customWidth="1"/>
    <col min="516" max="516" width="12.625" style="5" customWidth="1"/>
    <col min="517" max="517" width="3.875" style="5" customWidth="1"/>
    <col min="518" max="518" width="17" style="5" customWidth="1"/>
    <col min="519" max="521" width="10.625" style="5" customWidth="1"/>
    <col min="522" max="522" width="14.875" style="5" customWidth="1"/>
    <col min="523" max="523" width="9.5" style="5" customWidth="1"/>
    <col min="524" max="524" width="0" style="5" hidden="1" customWidth="1"/>
    <col min="525" max="768" width="9" style="5"/>
    <col min="769" max="769" width="15.125" style="5" customWidth="1"/>
    <col min="770" max="770" width="5" style="5" customWidth="1"/>
    <col min="771" max="771" width="7.125" style="5" customWidth="1"/>
    <col min="772" max="772" width="12.625" style="5" customWidth="1"/>
    <col min="773" max="773" width="3.875" style="5" customWidth="1"/>
    <col min="774" max="774" width="17" style="5" customWidth="1"/>
    <col min="775" max="777" width="10.625" style="5" customWidth="1"/>
    <col min="778" max="778" width="14.875" style="5" customWidth="1"/>
    <col min="779" max="779" width="9.5" style="5" customWidth="1"/>
    <col min="780" max="780" width="0" style="5" hidden="1" customWidth="1"/>
    <col min="781" max="1024" width="9" style="5"/>
    <col min="1025" max="1025" width="15.125" style="5" customWidth="1"/>
    <col min="1026" max="1026" width="5" style="5" customWidth="1"/>
    <col min="1027" max="1027" width="7.125" style="5" customWidth="1"/>
    <col min="1028" max="1028" width="12.625" style="5" customWidth="1"/>
    <col min="1029" max="1029" width="3.875" style="5" customWidth="1"/>
    <col min="1030" max="1030" width="17" style="5" customWidth="1"/>
    <col min="1031" max="1033" width="10.625" style="5" customWidth="1"/>
    <col min="1034" max="1034" width="14.875" style="5" customWidth="1"/>
    <col min="1035" max="1035" width="9.5" style="5" customWidth="1"/>
    <col min="1036" max="1036" width="0" style="5" hidden="1" customWidth="1"/>
    <col min="1037" max="1280" width="9" style="5"/>
    <col min="1281" max="1281" width="15.125" style="5" customWidth="1"/>
    <col min="1282" max="1282" width="5" style="5" customWidth="1"/>
    <col min="1283" max="1283" width="7.125" style="5" customWidth="1"/>
    <col min="1284" max="1284" width="12.625" style="5" customWidth="1"/>
    <col min="1285" max="1285" width="3.875" style="5" customWidth="1"/>
    <col min="1286" max="1286" width="17" style="5" customWidth="1"/>
    <col min="1287" max="1289" width="10.625" style="5" customWidth="1"/>
    <col min="1290" max="1290" width="14.875" style="5" customWidth="1"/>
    <col min="1291" max="1291" width="9.5" style="5" customWidth="1"/>
    <col min="1292" max="1292" width="0" style="5" hidden="1" customWidth="1"/>
    <col min="1293" max="1536" width="9" style="5"/>
    <col min="1537" max="1537" width="15.125" style="5" customWidth="1"/>
    <col min="1538" max="1538" width="5" style="5" customWidth="1"/>
    <col min="1539" max="1539" width="7.125" style="5" customWidth="1"/>
    <col min="1540" max="1540" width="12.625" style="5" customWidth="1"/>
    <col min="1541" max="1541" width="3.875" style="5" customWidth="1"/>
    <col min="1542" max="1542" width="17" style="5" customWidth="1"/>
    <col min="1543" max="1545" width="10.625" style="5" customWidth="1"/>
    <col min="1546" max="1546" width="14.875" style="5" customWidth="1"/>
    <col min="1547" max="1547" width="9.5" style="5" customWidth="1"/>
    <col min="1548" max="1548" width="0" style="5" hidden="1" customWidth="1"/>
    <col min="1549" max="1792" width="9" style="5"/>
    <col min="1793" max="1793" width="15.125" style="5" customWidth="1"/>
    <col min="1794" max="1794" width="5" style="5" customWidth="1"/>
    <col min="1795" max="1795" width="7.125" style="5" customWidth="1"/>
    <col min="1796" max="1796" width="12.625" style="5" customWidth="1"/>
    <col min="1797" max="1797" width="3.875" style="5" customWidth="1"/>
    <col min="1798" max="1798" width="17" style="5" customWidth="1"/>
    <col min="1799" max="1801" width="10.625" style="5" customWidth="1"/>
    <col min="1802" max="1802" width="14.875" style="5" customWidth="1"/>
    <col min="1803" max="1803" width="9.5" style="5" customWidth="1"/>
    <col min="1804" max="1804" width="0" style="5" hidden="1" customWidth="1"/>
    <col min="1805" max="2048" width="9" style="5"/>
    <col min="2049" max="2049" width="15.125" style="5" customWidth="1"/>
    <col min="2050" max="2050" width="5" style="5" customWidth="1"/>
    <col min="2051" max="2051" width="7.125" style="5" customWidth="1"/>
    <col min="2052" max="2052" width="12.625" style="5" customWidth="1"/>
    <col min="2053" max="2053" width="3.875" style="5" customWidth="1"/>
    <col min="2054" max="2054" width="17" style="5" customWidth="1"/>
    <col min="2055" max="2057" width="10.625" style="5" customWidth="1"/>
    <col min="2058" max="2058" width="14.875" style="5" customWidth="1"/>
    <col min="2059" max="2059" width="9.5" style="5" customWidth="1"/>
    <col min="2060" max="2060" width="0" style="5" hidden="1" customWidth="1"/>
    <col min="2061" max="2304" width="9" style="5"/>
    <col min="2305" max="2305" width="15.125" style="5" customWidth="1"/>
    <col min="2306" max="2306" width="5" style="5" customWidth="1"/>
    <col min="2307" max="2307" width="7.125" style="5" customWidth="1"/>
    <col min="2308" max="2308" width="12.625" style="5" customWidth="1"/>
    <col min="2309" max="2309" width="3.875" style="5" customWidth="1"/>
    <col min="2310" max="2310" width="17" style="5" customWidth="1"/>
    <col min="2311" max="2313" width="10.625" style="5" customWidth="1"/>
    <col min="2314" max="2314" width="14.875" style="5" customWidth="1"/>
    <col min="2315" max="2315" width="9.5" style="5" customWidth="1"/>
    <col min="2316" max="2316" width="0" style="5" hidden="1" customWidth="1"/>
    <col min="2317" max="2560" width="9" style="5"/>
    <col min="2561" max="2561" width="15.125" style="5" customWidth="1"/>
    <col min="2562" max="2562" width="5" style="5" customWidth="1"/>
    <col min="2563" max="2563" width="7.125" style="5" customWidth="1"/>
    <col min="2564" max="2564" width="12.625" style="5" customWidth="1"/>
    <col min="2565" max="2565" width="3.875" style="5" customWidth="1"/>
    <col min="2566" max="2566" width="17" style="5" customWidth="1"/>
    <col min="2567" max="2569" width="10.625" style="5" customWidth="1"/>
    <col min="2570" max="2570" width="14.875" style="5" customWidth="1"/>
    <col min="2571" max="2571" width="9.5" style="5" customWidth="1"/>
    <col min="2572" max="2572" width="0" style="5" hidden="1" customWidth="1"/>
    <col min="2573" max="2816" width="9" style="5"/>
    <col min="2817" max="2817" width="15.125" style="5" customWidth="1"/>
    <col min="2818" max="2818" width="5" style="5" customWidth="1"/>
    <col min="2819" max="2819" width="7.125" style="5" customWidth="1"/>
    <col min="2820" max="2820" width="12.625" style="5" customWidth="1"/>
    <col min="2821" max="2821" width="3.875" style="5" customWidth="1"/>
    <col min="2822" max="2822" width="17" style="5" customWidth="1"/>
    <col min="2823" max="2825" width="10.625" style="5" customWidth="1"/>
    <col min="2826" max="2826" width="14.875" style="5" customWidth="1"/>
    <col min="2827" max="2827" width="9.5" style="5" customWidth="1"/>
    <col min="2828" max="2828" width="0" style="5" hidden="1" customWidth="1"/>
    <col min="2829" max="3072" width="9" style="5"/>
    <col min="3073" max="3073" width="15.125" style="5" customWidth="1"/>
    <col min="3074" max="3074" width="5" style="5" customWidth="1"/>
    <col min="3075" max="3075" width="7.125" style="5" customWidth="1"/>
    <col min="3076" max="3076" width="12.625" style="5" customWidth="1"/>
    <col min="3077" max="3077" width="3.875" style="5" customWidth="1"/>
    <col min="3078" max="3078" width="17" style="5" customWidth="1"/>
    <col min="3079" max="3081" width="10.625" style="5" customWidth="1"/>
    <col min="3082" max="3082" width="14.875" style="5" customWidth="1"/>
    <col min="3083" max="3083" width="9.5" style="5" customWidth="1"/>
    <col min="3084" max="3084" width="0" style="5" hidden="1" customWidth="1"/>
    <col min="3085" max="3328" width="9" style="5"/>
    <col min="3329" max="3329" width="15.125" style="5" customWidth="1"/>
    <col min="3330" max="3330" width="5" style="5" customWidth="1"/>
    <col min="3331" max="3331" width="7.125" style="5" customWidth="1"/>
    <col min="3332" max="3332" width="12.625" style="5" customWidth="1"/>
    <col min="3333" max="3333" width="3.875" style="5" customWidth="1"/>
    <col min="3334" max="3334" width="17" style="5" customWidth="1"/>
    <col min="3335" max="3337" width="10.625" style="5" customWidth="1"/>
    <col min="3338" max="3338" width="14.875" style="5" customWidth="1"/>
    <col min="3339" max="3339" width="9.5" style="5" customWidth="1"/>
    <col min="3340" max="3340" width="0" style="5" hidden="1" customWidth="1"/>
    <col min="3341" max="3584" width="9" style="5"/>
    <col min="3585" max="3585" width="15.125" style="5" customWidth="1"/>
    <col min="3586" max="3586" width="5" style="5" customWidth="1"/>
    <col min="3587" max="3587" width="7.125" style="5" customWidth="1"/>
    <col min="3588" max="3588" width="12.625" style="5" customWidth="1"/>
    <col min="3589" max="3589" width="3.875" style="5" customWidth="1"/>
    <col min="3590" max="3590" width="17" style="5" customWidth="1"/>
    <col min="3591" max="3593" width="10.625" style="5" customWidth="1"/>
    <col min="3594" max="3594" width="14.875" style="5" customWidth="1"/>
    <col min="3595" max="3595" width="9.5" style="5" customWidth="1"/>
    <col min="3596" max="3596" width="0" style="5" hidden="1" customWidth="1"/>
    <col min="3597" max="3840" width="9" style="5"/>
    <col min="3841" max="3841" width="15.125" style="5" customWidth="1"/>
    <col min="3842" max="3842" width="5" style="5" customWidth="1"/>
    <col min="3843" max="3843" width="7.125" style="5" customWidth="1"/>
    <col min="3844" max="3844" width="12.625" style="5" customWidth="1"/>
    <col min="3845" max="3845" width="3.875" style="5" customWidth="1"/>
    <col min="3846" max="3846" width="17" style="5" customWidth="1"/>
    <col min="3847" max="3849" width="10.625" style="5" customWidth="1"/>
    <col min="3850" max="3850" width="14.875" style="5" customWidth="1"/>
    <col min="3851" max="3851" width="9.5" style="5" customWidth="1"/>
    <col min="3852" max="3852" width="0" style="5" hidden="1" customWidth="1"/>
    <col min="3853" max="4096" width="9" style="5"/>
    <col min="4097" max="4097" width="15.125" style="5" customWidth="1"/>
    <col min="4098" max="4098" width="5" style="5" customWidth="1"/>
    <col min="4099" max="4099" width="7.125" style="5" customWidth="1"/>
    <col min="4100" max="4100" width="12.625" style="5" customWidth="1"/>
    <col min="4101" max="4101" width="3.875" style="5" customWidth="1"/>
    <col min="4102" max="4102" width="17" style="5" customWidth="1"/>
    <col min="4103" max="4105" width="10.625" style="5" customWidth="1"/>
    <col min="4106" max="4106" width="14.875" style="5" customWidth="1"/>
    <col min="4107" max="4107" width="9.5" style="5" customWidth="1"/>
    <col min="4108" max="4108" width="0" style="5" hidden="1" customWidth="1"/>
    <col min="4109" max="4352" width="9" style="5"/>
    <col min="4353" max="4353" width="15.125" style="5" customWidth="1"/>
    <col min="4354" max="4354" width="5" style="5" customWidth="1"/>
    <col min="4355" max="4355" width="7.125" style="5" customWidth="1"/>
    <col min="4356" max="4356" width="12.625" style="5" customWidth="1"/>
    <col min="4357" max="4357" width="3.875" style="5" customWidth="1"/>
    <col min="4358" max="4358" width="17" style="5" customWidth="1"/>
    <col min="4359" max="4361" width="10.625" style="5" customWidth="1"/>
    <col min="4362" max="4362" width="14.875" style="5" customWidth="1"/>
    <col min="4363" max="4363" width="9.5" style="5" customWidth="1"/>
    <col min="4364" max="4364" width="0" style="5" hidden="1" customWidth="1"/>
    <col min="4365" max="4608" width="9" style="5"/>
    <col min="4609" max="4609" width="15.125" style="5" customWidth="1"/>
    <col min="4610" max="4610" width="5" style="5" customWidth="1"/>
    <col min="4611" max="4611" width="7.125" style="5" customWidth="1"/>
    <col min="4612" max="4612" width="12.625" style="5" customWidth="1"/>
    <col min="4613" max="4613" width="3.875" style="5" customWidth="1"/>
    <col min="4614" max="4614" width="17" style="5" customWidth="1"/>
    <col min="4615" max="4617" width="10.625" style="5" customWidth="1"/>
    <col min="4618" max="4618" width="14.875" style="5" customWidth="1"/>
    <col min="4619" max="4619" width="9.5" style="5" customWidth="1"/>
    <col min="4620" max="4620" width="0" style="5" hidden="1" customWidth="1"/>
    <col min="4621" max="4864" width="9" style="5"/>
    <col min="4865" max="4865" width="15.125" style="5" customWidth="1"/>
    <col min="4866" max="4866" width="5" style="5" customWidth="1"/>
    <col min="4867" max="4867" width="7.125" style="5" customWidth="1"/>
    <col min="4868" max="4868" width="12.625" style="5" customWidth="1"/>
    <col min="4869" max="4869" width="3.875" style="5" customWidth="1"/>
    <col min="4870" max="4870" width="17" style="5" customWidth="1"/>
    <col min="4871" max="4873" width="10.625" style="5" customWidth="1"/>
    <col min="4874" max="4874" width="14.875" style="5" customWidth="1"/>
    <col min="4875" max="4875" width="9.5" style="5" customWidth="1"/>
    <col min="4876" max="4876" width="0" style="5" hidden="1" customWidth="1"/>
    <col min="4877" max="5120" width="9" style="5"/>
    <col min="5121" max="5121" width="15.125" style="5" customWidth="1"/>
    <col min="5122" max="5122" width="5" style="5" customWidth="1"/>
    <col min="5123" max="5123" width="7.125" style="5" customWidth="1"/>
    <col min="5124" max="5124" width="12.625" style="5" customWidth="1"/>
    <col min="5125" max="5125" width="3.875" style="5" customWidth="1"/>
    <col min="5126" max="5126" width="17" style="5" customWidth="1"/>
    <col min="5127" max="5129" width="10.625" style="5" customWidth="1"/>
    <col min="5130" max="5130" width="14.875" style="5" customWidth="1"/>
    <col min="5131" max="5131" width="9.5" style="5" customWidth="1"/>
    <col min="5132" max="5132" width="0" style="5" hidden="1" customWidth="1"/>
    <col min="5133" max="5376" width="9" style="5"/>
    <col min="5377" max="5377" width="15.125" style="5" customWidth="1"/>
    <col min="5378" max="5378" width="5" style="5" customWidth="1"/>
    <col min="5379" max="5379" width="7.125" style="5" customWidth="1"/>
    <col min="5380" max="5380" width="12.625" style="5" customWidth="1"/>
    <col min="5381" max="5381" width="3.875" style="5" customWidth="1"/>
    <col min="5382" max="5382" width="17" style="5" customWidth="1"/>
    <col min="5383" max="5385" width="10.625" style="5" customWidth="1"/>
    <col min="5386" max="5386" width="14.875" style="5" customWidth="1"/>
    <col min="5387" max="5387" width="9.5" style="5" customWidth="1"/>
    <col min="5388" max="5388" width="0" style="5" hidden="1" customWidth="1"/>
    <col min="5389" max="5632" width="9" style="5"/>
    <col min="5633" max="5633" width="15.125" style="5" customWidth="1"/>
    <col min="5634" max="5634" width="5" style="5" customWidth="1"/>
    <col min="5635" max="5635" width="7.125" style="5" customWidth="1"/>
    <col min="5636" max="5636" width="12.625" style="5" customWidth="1"/>
    <col min="5637" max="5637" width="3.875" style="5" customWidth="1"/>
    <col min="5638" max="5638" width="17" style="5" customWidth="1"/>
    <col min="5639" max="5641" width="10.625" style="5" customWidth="1"/>
    <col min="5642" max="5642" width="14.875" style="5" customWidth="1"/>
    <col min="5643" max="5643" width="9.5" style="5" customWidth="1"/>
    <col min="5644" max="5644" width="0" style="5" hidden="1" customWidth="1"/>
    <col min="5645" max="5888" width="9" style="5"/>
    <col min="5889" max="5889" width="15.125" style="5" customWidth="1"/>
    <col min="5890" max="5890" width="5" style="5" customWidth="1"/>
    <col min="5891" max="5891" width="7.125" style="5" customWidth="1"/>
    <col min="5892" max="5892" width="12.625" style="5" customWidth="1"/>
    <col min="5893" max="5893" width="3.875" style="5" customWidth="1"/>
    <col min="5894" max="5894" width="17" style="5" customWidth="1"/>
    <col min="5895" max="5897" width="10.625" style="5" customWidth="1"/>
    <col min="5898" max="5898" width="14.875" style="5" customWidth="1"/>
    <col min="5899" max="5899" width="9.5" style="5" customWidth="1"/>
    <col min="5900" max="5900" width="0" style="5" hidden="1" customWidth="1"/>
    <col min="5901" max="6144" width="9" style="5"/>
    <col min="6145" max="6145" width="15.125" style="5" customWidth="1"/>
    <col min="6146" max="6146" width="5" style="5" customWidth="1"/>
    <col min="6147" max="6147" width="7.125" style="5" customWidth="1"/>
    <col min="6148" max="6148" width="12.625" style="5" customWidth="1"/>
    <col min="6149" max="6149" width="3.875" style="5" customWidth="1"/>
    <col min="6150" max="6150" width="17" style="5" customWidth="1"/>
    <col min="6151" max="6153" width="10.625" style="5" customWidth="1"/>
    <col min="6154" max="6154" width="14.875" style="5" customWidth="1"/>
    <col min="6155" max="6155" width="9.5" style="5" customWidth="1"/>
    <col min="6156" max="6156" width="0" style="5" hidden="1" customWidth="1"/>
    <col min="6157" max="6400" width="9" style="5"/>
    <col min="6401" max="6401" width="15.125" style="5" customWidth="1"/>
    <col min="6402" max="6402" width="5" style="5" customWidth="1"/>
    <col min="6403" max="6403" width="7.125" style="5" customWidth="1"/>
    <col min="6404" max="6404" width="12.625" style="5" customWidth="1"/>
    <col min="6405" max="6405" width="3.875" style="5" customWidth="1"/>
    <col min="6406" max="6406" width="17" style="5" customWidth="1"/>
    <col min="6407" max="6409" width="10.625" style="5" customWidth="1"/>
    <col min="6410" max="6410" width="14.875" style="5" customWidth="1"/>
    <col min="6411" max="6411" width="9.5" style="5" customWidth="1"/>
    <col min="6412" max="6412" width="0" style="5" hidden="1" customWidth="1"/>
    <col min="6413" max="6656" width="9" style="5"/>
    <col min="6657" max="6657" width="15.125" style="5" customWidth="1"/>
    <col min="6658" max="6658" width="5" style="5" customWidth="1"/>
    <col min="6659" max="6659" width="7.125" style="5" customWidth="1"/>
    <col min="6660" max="6660" width="12.625" style="5" customWidth="1"/>
    <col min="6661" max="6661" width="3.875" style="5" customWidth="1"/>
    <col min="6662" max="6662" width="17" style="5" customWidth="1"/>
    <col min="6663" max="6665" width="10.625" style="5" customWidth="1"/>
    <col min="6666" max="6666" width="14.875" style="5" customWidth="1"/>
    <col min="6667" max="6667" width="9.5" style="5" customWidth="1"/>
    <col min="6668" max="6668" width="0" style="5" hidden="1" customWidth="1"/>
    <col min="6669" max="6912" width="9" style="5"/>
    <col min="6913" max="6913" width="15.125" style="5" customWidth="1"/>
    <col min="6914" max="6914" width="5" style="5" customWidth="1"/>
    <col min="6915" max="6915" width="7.125" style="5" customWidth="1"/>
    <col min="6916" max="6916" width="12.625" style="5" customWidth="1"/>
    <col min="6917" max="6917" width="3.875" style="5" customWidth="1"/>
    <col min="6918" max="6918" width="17" style="5" customWidth="1"/>
    <col min="6919" max="6921" width="10.625" style="5" customWidth="1"/>
    <col min="6922" max="6922" width="14.875" style="5" customWidth="1"/>
    <col min="6923" max="6923" width="9.5" style="5" customWidth="1"/>
    <col min="6924" max="6924" width="0" style="5" hidden="1" customWidth="1"/>
    <col min="6925" max="7168" width="9" style="5"/>
    <col min="7169" max="7169" width="15.125" style="5" customWidth="1"/>
    <col min="7170" max="7170" width="5" style="5" customWidth="1"/>
    <col min="7171" max="7171" width="7.125" style="5" customWidth="1"/>
    <col min="7172" max="7172" width="12.625" style="5" customWidth="1"/>
    <col min="7173" max="7173" width="3.875" style="5" customWidth="1"/>
    <col min="7174" max="7174" width="17" style="5" customWidth="1"/>
    <col min="7175" max="7177" width="10.625" style="5" customWidth="1"/>
    <col min="7178" max="7178" width="14.875" style="5" customWidth="1"/>
    <col min="7179" max="7179" width="9.5" style="5" customWidth="1"/>
    <col min="7180" max="7180" width="0" style="5" hidden="1" customWidth="1"/>
    <col min="7181" max="7424" width="9" style="5"/>
    <col min="7425" max="7425" width="15.125" style="5" customWidth="1"/>
    <col min="7426" max="7426" width="5" style="5" customWidth="1"/>
    <col min="7427" max="7427" width="7.125" style="5" customWidth="1"/>
    <col min="7428" max="7428" width="12.625" style="5" customWidth="1"/>
    <col min="7429" max="7429" width="3.875" style="5" customWidth="1"/>
    <col min="7430" max="7430" width="17" style="5" customWidth="1"/>
    <col min="7431" max="7433" width="10.625" style="5" customWidth="1"/>
    <col min="7434" max="7434" width="14.875" style="5" customWidth="1"/>
    <col min="7435" max="7435" width="9.5" style="5" customWidth="1"/>
    <col min="7436" max="7436" width="0" style="5" hidden="1" customWidth="1"/>
    <col min="7437" max="7680" width="9" style="5"/>
    <col min="7681" max="7681" width="15.125" style="5" customWidth="1"/>
    <col min="7682" max="7682" width="5" style="5" customWidth="1"/>
    <col min="7683" max="7683" width="7.125" style="5" customWidth="1"/>
    <col min="7684" max="7684" width="12.625" style="5" customWidth="1"/>
    <col min="7685" max="7685" width="3.875" style="5" customWidth="1"/>
    <col min="7686" max="7686" width="17" style="5" customWidth="1"/>
    <col min="7687" max="7689" width="10.625" style="5" customWidth="1"/>
    <col min="7690" max="7690" width="14.875" style="5" customWidth="1"/>
    <col min="7691" max="7691" width="9.5" style="5" customWidth="1"/>
    <col min="7692" max="7692" width="0" style="5" hidden="1" customWidth="1"/>
    <col min="7693" max="7936" width="9" style="5"/>
    <col min="7937" max="7937" width="15.125" style="5" customWidth="1"/>
    <col min="7938" max="7938" width="5" style="5" customWidth="1"/>
    <col min="7939" max="7939" width="7.125" style="5" customWidth="1"/>
    <col min="7940" max="7940" width="12.625" style="5" customWidth="1"/>
    <col min="7941" max="7941" width="3.875" style="5" customWidth="1"/>
    <col min="7942" max="7942" width="17" style="5" customWidth="1"/>
    <col min="7943" max="7945" width="10.625" style="5" customWidth="1"/>
    <col min="7946" max="7946" width="14.875" style="5" customWidth="1"/>
    <col min="7947" max="7947" width="9.5" style="5" customWidth="1"/>
    <col min="7948" max="7948" width="0" style="5" hidden="1" customWidth="1"/>
    <col min="7949" max="8192" width="9" style="5"/>
    <col min="8193" max="8193" width="15.125" style="5" customWidth="1"/>
    <col min="8194" max="8194" width="5" style="5" customWidth="1"/>
    <col min="8195" max="8195" width="7.125" style="5" customWidth="1"/>
    <col min="8196" max="8196" width="12.625" style="5" customWidth="1"/>
    <col min="8197" max="8197" width="3.875" style="5" customWidth="1"/>
    <col min="8198" max="8198" width="17" style="5" customWidth="1"/>
    <col min="8199" max="8201" width="10.625" style="5" customWidth="1"/>
    <col min="8202" max="8202" width="14.875" style="5" customWidth="1"/>
    <col min="8203" max="8203" width="9.5" style="5" customWidth="1"/>
    <col min="8204" max="8204" width="0" style="5" hidden="1" customWidth="1"/>
    <col min="8205" max="8448" width="9" style="5"/>
    <col min="8449" max="8449" width="15.125" style="5" customWidth="1"/>
    <col min="8450" max="8450" width="5" style="5" customWidth="1"/>
    <col min="8451" max="8451" width="7.125" style="5" customWidth="1"/>
    <col min="8452" max="8452" width="12.625" style="5" customWidth="1"/>
    <col min="8453" max="8453" width="3.875" style="5" customWidth="1"/>
    <col min="8454" max="8454" width="17" style="5" customWidth="1"/>
    <col min="8455" max="8457" width="10.625" style="5" customWidth="1"/>
    <col min="8458" max="8458" width="14.875" style="5" customWidth="1"/>
    <col min="8459" max="8459" width="9.5" style="5" customWidth="1"/>
    <col min="8460" max="8460" width="0" style="5" hidden="1" customWidth="1"/>
    <col min="8461" max="8704" width="9" style="5"/>
    <col min="8705" max="8705" width="15.125" style="5" customWidth="1"/>
    <col min="8706" max="8706" width="5" style="5" customWidth="1"/>
    <col min="8707" max="8707" width="7.125" style="5" customWidth="1"/>
    <col min="8708" max="8708" width="12.625" style="5" customWidth="1"/>
    <col min="8709" max="8709" width="3.875" style="5" customWidth="1"/>
    <col min="8710" max="8710" width="17" style="5" customWidth="1"/>
    <col min="8711" max="8713" width="10.625" style="5" customWidth="1"/>
    <col min="8714" max="8714" width="14.875" style="5" customWidth="1"/>
    <col min="8715" max="8715" width="9.5" style="5" customWidth="1"/>
    <col min="8716" max="8716" width="0" style="5" hidden="1" customWidth="1"/>
    <col min="8717" max="8960" width="9" style="5"/>
    <col min="8961" max="8961" width="15.125" style="5" customWidth="1"/>
    <col min="8962" max="8962" width="5" style="5" customWidth="1"/>
    <col min="8963" max="8963" width="7.125" style="5" customWidth="1"/>
    <col min="8964" max="8964" width="12.625" style="5" customWidth="1"/>
    <col min="8965" max="8965" width="3.875" style="5" customWidth="1"/>
    <col min="8966" max="8966" width="17" style="5" customWidth="1"/>
    <col min="8967" max="8969" width="10.625" style="5" customWidth="1"/>
    <col min="8970" max="8970" width="14.875" style="5" customWidth="1"/>
    <col min="8971" max="8971" width="9.5" style="5" customWidth="1"/>
    <col min="8972" max="8972" width="0" style="5" hidden="1" customWidth="1"/>
    <col min="8973" max="9216" width="9" style="5"/>
    <col min="9217" max="9217" width="15.125" style="5" customWidth="1"/>
    <col min="9218" max="9218" width="5" style="5" customWidth="1"/>
    <col min="9219" max="9219" width="7.125" style="5" customWidth="1"/>
    <col min="9220" max="9220" width="12.625" style="5" customWidth="1"/>
    <col min="9221" max="9221" width="3.875" style="5" customWidth="1"/>
    <col min="9222" max="9222" width="17" style="5" customWidth="1"/>
    <col min="9223" max="9225" width="10.625" style="5" customWidth="1"/>
    <col min="9226" max="9226" width="14.875" style="5" customWidth="1"/>
    <col min="9227" max="9227" width="9.5" style="5" customWidth="1"/>
    <col min="9228" max="9228" width="0" style="5" hidden="1" customWidth="1"/>
    <col min="9229" max="9472" width="9" style="5"/>
    <col min="9473" max="9473" width="15.125" style="5" customWidth="1"/>
    <col min="9474" max="9474" width="5" style="5" customWidth="1"/>
    <col min="9475" max="9475" width="7.125" style="5" customWidth="1"/>
    <col min="9476" max="9476" width="12.625" style="5" customWidth="1"/>
    <col min="9477" max="9477" width="3.875" style="5" customWidth="1"/>
    <col min="9478" max="9478" width="17" style="5" customWidth="1"/>
    <col min="9479" max="9481" width="10.625" style="5" customWidth="1"/>
    <col min="9482" max="9482" width="14.875" style="5" customWidth="1"/>
    <col min="9483" max="9483" width="9.5" style="5" customWidth="1"/>
    <col min="9484" max="9484" width="0" style="5" hidden="1" customWidth="1"/>
    <col min="9485" max="9728" width="9" style="5"/>
    <col min="9729" max="9729" width="15.125" style="5" customWidth="1"/>
    <col min="9730" max="9730" width="5" style="5" customWidth="1"/>
    <col min="9731" max="9731" width="7.125" style="5" customWidth="1"/>
    <col min="9732" max="9732" width="12.625" style="5" customWidth="1"/>
    <col min="9733" max="9733" width="3.875" style="5" customWidth="1"/>
    <col min="9734" max="9734" width="17" style="5" customWidth="1"/>
    <col min="9735" max="9737" width="10.625" style="5" customWidth="1"/>
    <col min="9738" max="9738" width="14.875" style="5" customWidth="1"/>
    <col min="9739" max="9739" width="9.5" style="5" customWidth="1"/>
    <col min="9740" max="9740" width="0" style="5" hidden="1" customWidth="1"/>
    <col min="9741" max="9984" width="9" style="5"/>
    <col min="9985" max="9985" width="15.125" style="5" customWidth="1"/>
    <col min="9986" max="9986" width="5" style="5" customWidth="1"/>
    <col min="9987" max="9987" width="7.125" style="5" customWidth="1"/>
    <col min="9988" max="9988" width="12.625" style="5" customWidth="1"/>
    <col min="9989" max="9989" width="3.875" style="5" customWidth="1"/>
    <col min="9990" max="9990" width="17" style="5" customWidth="1"/>
    <col min="9991" max="9993" width="10.625" style="5" customWidth="1"/>
    <col min="9994" max="9994" width="14.875" style="5" customWidth="1"/>
    <col min="9995" max="9995" width="9.5" style="5" customWidth="1"/>
    <col min="9996" max="9996" width="0" style="5" hidden="1" customWidth="1"/>
    <col min="9997" max="10240" width="9" style="5"/>
    <col min="10241" max="10241" width="15.125" style="5" customWidth="1"/>
    <col min="10242" max="10242" width="5" style="5" customWidth="1"/>
    <col min="10243" max="10243" width="7.125" style="5" customWidth="1"/>
    <col min="10244" max="10244" width="12.625" style="5" customWidth="1"/>
    <col min="10245" max="10245" width="3.875" style="5" customWidth="1"/>
    <col min="10246" max="10246" width="17" style="5" customWidth="1"/>
    <col min="10247" max="10249" width="10.625" style="5" customWidth="1"/>
    <col min="10250" max="10250" width="14.875" style="5" customWidth="1"/>
    <col min="10251" max="10251" width="9.5" style="5" customWidth="1"/>
    <col min="10252" max="10252" width="0" style="5" hidden="1" customWidth="1"/>
    <col min="10253" max="10496" width="9" style="5"/>
    <col min="10497" max="10497" width="15.125" style="5" customWidth="1"/>
    <col min="10498" max="10498" width="5" style="5" customWidth="1"/>
    <col min="10499" max="10499" width="7.125" style="5" customWidth="1"/>
    <col min="10500" max="10500" width="12.625" style="5" customWidth="1"/>
    <col min="10501" max="10501" width="3.875" style="5" customWidth="1"/>
    <col min="10502" max="10502" width="17" style="5" customWidth="1"/>
    <col min="10503" max="10505" width="10.625" style="5" customWidth="1"/>
    <col min="10506" max="10506" width="14.875" style="5" customWidth="1"/>
    <col min="10507" max="10507" width="9.5" style="5" customWidth="1"/>
    <col min="10508" max="10508" width="0" style="5" hidden="1" customWidth="1"/>
    <col min="10509" max="10752" width="9" style="5"/>
    <col min="10753" max="10753" width="15.125" style="5" customWidth="1"/>
    <col min="10754" max="10754" width="5" style="5" customWidth="1"/>
    <col min="10755" max="10755" width="7.125" style="5" customWidth="1"/>
    <col min="10756" max="10756" width="12.625" style="5" customWidth="1"/>
    <col min="10757" max="10757" width="3.875" style="5" customWidth="1"/>
    <col min="10758" max="10758" width="17" style="5" customWidth="1"/>
    <col min="10759" max="10761" width="10.625" style="5" customWidth="1"/>
    <col min="10762" max="10762" width="14.875" style="5" customWidth="1"/>
    <col min="10763" max="10763" width="9.5" style="5" customWidth="1"/>
    <col min="10764" max="10764" width="0" style="5" hidden="1" customWidth="1"/>
    <col min="10765" max="11008" width="9" style="5"/>
    <col min="11009" max="11009" width="15.125" style="5" customWidth="1"/>
    <col min="11010" max="11010" width="5" style="5" customWidth="1"/>
    <col min="11011" max="11011" width="7.125" style="5" customWidth="1"/>
    <col min="11012" max="11012" width="12.625" style="5" customWidth="1"/>
    <col min="11013" max="11013" width="3.875" style="5" customWidth="1"/>
    <col min="11014" max="11014" width="17" style="5" customWidth="1"/>
    <col min="11015" max="11017" width="10.625" style="5" customWidth="1"/>
    <col min="11018" max="11018" width="14.875" style="5" customWidth="1"/>
    <col min="11019" max="11019" width="9.5" style="5" customWidth="1"/>
    <col min="11020" max="11020" width="0" style="5" hidden="1" customWidth="1"/>
    <col min="11021" max="11264" width="9" style="5"/>
    <col min="11265" max="11265" width="15.125" style="5" customWidth="1"/>
    <col min="11266" max="11266" width="5" style="5" customWidth="1"/>
    <col min="11267" max="11267" width="7.125" style="5" customWidth="1"/>
    <col min="11268" max="11268" width="12.625" style="5" customWidth="1"/>
    <col min="11269" max="11269" width="3.875" style="5" customWidth="1"/>
    <col min="11270" max="11270" width="17" style="5" customWidth="1"/>
    <col min="11271" max="11273" width="10.625" style="5" customWidth="1"/>
    <col min="11274" max="11274" width="14.875" style="5" customWidth="1"/>
    <col min="11275" max="11275" width="9.5" style="5" customWidth="1"/>
    <col min="11276" max="11276" width="0" style="5" hidden="1" customWidth="1"/>
    <col min="11277" max="11520" width="9" style="5"/>
    <col min="11521" max="11521" width="15.125" style="5" customWidth="1"/>
    <col min="11522" max="11522" width="5" style="5" customWidth="1"/>
    <col min="11523" max="11523" width="7.125" style="5" customWidth="1"/>
    <col min="11524" max="11524" width="12.625" style="5" customWidth="1"/>
    <col min="11525" max="11525" width="3.875" style="5" customWidth="1"/>
    <col min="11526" max="11526" width="17" style="5" customWidth="1"/>
    <col min="11527" max="11529" width="10.625" style="5" customWidth="1"/>
    <col min="11530" max="11530" width="14.875" style="5" customWidth="1"/>
    <col min="11531" max="11531" width="9.5" style="5" customWidth="1"/>
    <col min="11532" max="11532" width="0" style="5" hidden="1" customWidth="1"/>
    <col min="11533" max="11776" width="9" style="5"/>
    <col min="11777" max="11777" width="15.125" style="5" customWidth="1"/>
    <col min="11778" max="11778" width="5" style="5" customWidth="1"/>
    <col min="11779" max="11779" width="7.125" style="5" customWidth="1"/>
    <col min="11780" max="11780" width="12.625" style="5" customWidth="1"/>
    <col min="11781" max="11781" width="3.875" style="5" customWidth="1"/>
    <col min="11782" max="11782" width="17" style="5" customWidth="1"/>
    <col min="11783" max="11785" width="10.625" style="5" customWidth="1"/>
    <col min="11786" max="11786" width="14.875" style="5" customWidth="1"/>
    <col min="11787" max="11787" width="9.5" style="5" customWidth="1"/>
    <col min="11788" max="11788" width="0" style="5" hidden="1" customWidth="1"/>
    <col min="11789" max="12032" width="9" style="5"/>
    <col min="12033" max="12033" width="15.125" style="5" customWidth="1"/>
    <col min="12034" max="12034" width="5" style="5" customWidth="1"/>
    <col min="12035" max="12035" width="7.125" style="5" customWidth="1"/>
    <col min="12036" max="12036" width="12.625" style="5" customWidth="1"/>
    <col min="12037" max="12037" width="3.875" style="5" customWidth="1"/>
    <col min="12038" max="12038" width="17" style="5" customWidth="1"/>
    <col min="12039" max="12041" width="10.625" style="5" customWidth="1"/>
    <col min="12042" max="12042" width="14.875" style="5" customWidth="1"/>
    <col min="12043" max="12043" width="9.5" style="5" customWidth="1"/>
    <col min="12044" max="12044" width="0" style="5" hidden="1" customWidth="1"/>
    <col min="12045" max="12288" width="9" style="5"/>
    <col min="12289" max="12289" width="15.125" style="5" customWidth="1"/>
    <col min="12290" max="12290" width="5" style="5" customWidth="1"/>
    <col min="12291" max="12291" width="7.125" style="5" customWidth="1"/>
    <col min="12292" max="12292" width="12.625" style="5" customWidth="1"/>
    <col min="12293" max="12293" width="3.875" style="5" customWidth="1"/>
    <col min="12294" max="12294" width="17" style="5" customWidth="1"/>
    <col min="12295" max="12297" width="10.625" style="5" customWidth="1"/>
    <col min="12298" max="12298" width="14.875" style="5" customWidth="1"/>
    <col min="12299" max="12299" width="9.5" style="5" customWidth="1"/>
    <col min="12300" max="12300" width="0" style="5" hidden="1" customWidth="1"/>
    <col min="12301" max="12544" width="9" style="5"/>
    <col min="12545" max="12545" width="15.125" style="5" customWidth="1"/>
    <col min="12546" max="12546" width="5" style="5" customWidth="1"/>
    <col min="12547" max="12547" width="7.125" style="5" customWidth="1"/>
    <col min="12548" max="12548" width="12.625" style="5" customWidth="1"/>
    <col min="12549" max="12549" width="3.875" style="5" customWidth="1"/>
    <col min="12550" max="12550" width="17" style="5" customWidth="1"/>
    <col min="12551" max="12553" width="10.625" style="5" customWidth="1"/>
    <col min="12554" max="12554" width="14.875" style="5" customWidth="1"/>
    <col min="12555" max="12555" width="9.5" style="5" customWidth="1"/>
    <col min="12556" max="12556" width="0" style="5" hidden="1" customWidth="1"/>
    <col min="12557" max="12800" width="9" style="5"/>
    <col min="12801" max="12801" width="15.125" style="5" customWidth="1"/>
    <col min="12802" max="12802" width="5" style="5" customWidth="1"/>
    <col min="12803" max="12803" width="7.125" style="5" customWidth="1"/>
    <col min="12804" max="12804" width="12.625" style="5" customWidth="1"/>
    <col min="12805" max="12805" width="3.875" style="5" customWidth="1"/>
    <col min="12806" max="12806" width="17" style="5" customWidth="1"/>
    <col min="12807" max="12809" width="10.625" style="5" customWidth="1"/>
    <col min="12810" max="12810" width="14.875" style="5" customWidth="1"/>
    <col min="12811" max="12811" width="9.5" style="5" customWidth="1"/>
    <col min="12812" max="12812" width="0" style="5" hidden="1" customWidth="1"/>
    <col min="12813" max="13056" width="9" style="5"/>
    <col min="13057" max="13057" width="15.125" style="5" customWidth="1"/>
    <col min="13058" max="13058" width="5" style="5" customWidth="1"/>
    <col min="13059" max="13059" width="7.125" style="5" customWidth="1"/>
    <col min="13060" max="13060" width="12.625" style="5" customWidth="1"/>
    <col min="13061" max="13061" width="3.875" style="5" customWidth="1"/>
    <col min="13062" max="13062" width="17" style="5" customWidth="1"/>
    <col min="13063" max="13065" width="10.625" style="5" customWidth="1"/>
    <col min="13066" max="13066" width="14.875" style="5" customWidth="1"/>
    <col min="13067" max="13067" width="9.5" style="5" customWidth="1"/>
    <col min="13068" max="13068" width="0" style="5" hidden="1" customWidth="1"/>
    <col min="13069" max="13312" width="9" style="5"/>
    <col min="13313" max="13313" width="15.125" style="5" customWidth="1"/>
    <col min="13314" max="13314" width="5" style="5" customWidth="1"/>
    <col min="13315" max="13315" width="7.125" style="5" customWidth="1"/>
    <col min="13316" max="13316" width="12.625" style="5" customWidth="1"/>
    <col min="13317" max="13317" width="3.875" style="5" customWidth="1"/>
    <col min="13318" max="13318" width="17" style="5" customWidth="1"/>
    <col min="13319" max="13321" width="10.625" style="5" customWidth="1"/>
    <col min="13322" max="13322" width="14.875" style="5" customWidth="1"/>
    <col min="13323" max="13323" width="9.5" style="5" customWidth="1"/>
    <col min="13324" max="13324" width="0" style="5" hidden="1" customWidth="1"/>
    <col min="13325" max="13568" width="9" style="5"/>
    <col min="13569" max="13569" width="15.125" style="5" customWidth="1"/>
    <col min="13570" max="13570" width="5" style="5" customWidth="1"/>
    <col min="13571" max="13571" width="7.125" style="5" customWidth="1"/>
    <col min="13572" max="13572" width="12.625" style="5" customWidth="1"/>
    <col min="13573" max="13573" width="3.875" style="5" customWidth="1"/>
    <col min="13574" max="13574" width="17" style="5" customWidth="1"/>
    <col min="13575" max="13577" width="10.625" style="5" customWidth="1"/>
    <col min="13578" max="13578" width="14.875" style="5" customWidth="1"/>
    <col min="13579" max="13579" width="9.5" style="5" customWidth="1"/>
    <col min="13580" max="13580" width="0" style="5" hidden="1" customWidth="1"/>
    <col min="13581" max="13824" width="9" style="5"/>
    <col min="13825" max="13825" width="15.125" style="5" customWidth="1"/>
    <col min="13826" max="13826" width="5" style="5" customWidth="1"/>
    <col min="13827" max="13827" width="7.125" style="5" customWidth="1"/>
    <col min="13828" max="13828" width="12.625" style="5" customWidth="1"/>
    <col min="13829" max="13829" width="3.875" style="5" customWidth="1"/>
    <col min="13830" max="13830" width="17" style="5" customWidth="1"/>
    <col min="13831" max="13833" width="10.625" style="5" customWidth="1"/>
    <col min="13834" max="13834" width="14.875" style="5" customWidth="1"/>
    <col min="13835" max="13835" width="9.5" style="5" customWidth="1"/>
    <col min="13836" max="13836" width="0" style="5" hidden="1" customWidth="1"/>
    <col min="13837" max="14080" width="9" style="5"/>
    <col min="14081" max="14081" width="15.125" style="5" customWidth="1"/>
    <col min="14082" max="14082" width="5" style="5" customWidth="1"/>
    <col min="14083" max="14083" width="7.125" style="5" customWidth="1"/>
    <col min="14084" max="14084" width="12.625" style="5" customWidth="1"/>
    <col min="14085" max="14085" width="3.875" style="5" customWidth="1"/>
    <col min="14086" max="14086" width="17" style="5" customWidth="1"/>
    <col min="14087" max="14089" width="10.625" style="5" customWidth="1"/>
    <col min="14090" max="14090" width="14.875" style="5" customWidth="1"/>
    <col min="14091" max="14091" width="9.5" style="5" customWidth="1"/>
    <col min="14092" max="14092" width="0" style="5" hidden="1" customWidth="1"/>
    <col min="14093" max="14336" width="9" style="5"/>
    <col min="14337" max="14337" width="15.125" style="5" customWidth="1"/>
    <col min="14338" max="14338" width="5" style="5" customWidth="1"/>
    <col min="14339" max="14339" width="7.125" style="5" customWidth="1"/>
    <col min="14340" max="14340" width="12.625" style="5" customWidth="1"/>
    <col min="14341" max="14341" width="3.875" style="5" customWidth="1"/>
    <col min="14342" max="14342" width="17" style="5" customWidth="1"/>
    <col min="14343" max="14345" width="10.625" style="5" customWidth="1"/>
    <col min="14346" max="14346" width="14.875" style="5" customWidth="1"/>
    <col min="14347" max="14347" width="9.5" style="5" customWidth="1"/>
    <col min="14348" max="14348" width="0" style="5" hidden="1" customWidth="1"/>
    <col min="14349" max="14592" width="9" style="5"/>
    <col min="14593" max="14593" width="15.125" style="5" customWidth="1"/>
    <col min="14594" max="14594" width="5" style="5" customWidth="1"/>
    <col min="14595" max="14595" width="7.125" style="5" customWidth="1"/>
    <col min="14596" max="14596" width="12.625" style="5" customWidth="1"/>
    <col min="14597" max="14597" width="3.875" style="5" customWidth="1"/>
    <col min="14598" max="14598" width="17" style="5" customWidth="1"/>
    <col min="14599" max="14601" width="10.625" style="5" customWidth="1"/>
    <col min="14602" max="14602" width="14.875" style="5" customWidth="1"/>
    <col min="14603" max="14603" width="9.5" style="5" customWidth="1"/>
    <col min="14604" max="14604" width="0" style="5" hidden="1" customWidth="1"/>
    <col min="14605" max="14848" width="9" style="5"/>
    <col min="14849" max="14849" width="15.125" style="5" customWidth="1"/>
    <col min="14850" max="14850" width="5" style="5" customWidth="1"/>
    <col min="14851" max="14851" width="7.125" style="5" customWidth="1"/>
    <col min="14852" max="14852" width="12.625" style="5" customWidth="1"/>
    <col min="14853" max="14853" width="3.875" style="5" customWidth="1"/>
    <col min="14854" max="14854" width="17" style="5" customWidth="1"/>
    <col min="14855" max="14857" width="10.625" style="5" customWidth="1"/>
    <col min="14858" max="14858" width="14.875" style="5" customWidth="1"/>
    <col min="14859" max="14859" width="9.5" style="5" customWidth="1"/>
    <col min="14860" max="14860" width="0" style="5" hidden="1" customWidth="1"/>
    <col min="14861" max="15104" width="9" style="5"/>
    <col min="15105" max="15105" width="15.125" style="5" customWidth="1"/>
    <col min="15106" max="15106" width="5" style="5" customWidth="1"/>
    <col min="15107" max="15107" width="7.125" style="5" customWidth="1"/>
    <col min="15108" max="15108" width="12.625" style="5" customWidth="1"/>
    <col min="15109" max="15109" width="3.875" style="5" customWidth="1"/>
    <col min="15110" max="15110" width="17" style="5" customWidth="1"/>
    <col min="15111" max="15113" width="10.625" style="5" customWidth="1"/>
    <col min="15114" max="15114" width="14.875" style="5" customWidth="1"/>
    <col min="15115" max="15115" width="9.5" style="5" customWidth="1"/>
    <col min="15116" max="15116" width="0" style="5" hidden="1" customWidth="1"/>
    <col min="15117" max="15360" width="9" style="5"/>
    <col min="15361" max="15361" width="15.125" style="5" customWidth="1"/>
    <col min="15362" max="15362" width="5" style="5" customWidth="1"/>
    <col min="15363" max="15363" width="7.125" style="5" customWidth="1"/>
    <col min="15364" max="15364" width="12.625" style="5" customWidth="1"/>
    <col min="15365" max="15365" width="3.875" style="5" customWidth="1"/>
    <col min="15366" max="15366" width="17" style="5" customWidth="1"/>
    <col min="15367" max="15369" width="10.625" style="5" customWidth="1"/>
    <col min="15370" max="15370" width="14.875" style="5" customWidth="1"/>
    <col min="15371" max="15371" width="9.5" style="5" customWidth="1"/>
    <col min="15372" max="15372" width="0" style="5" hidden="1" customWidth="1"/>
    <col min="15373" max="15616" width="9" style="5"/>
    <col min="15617" max="15617" width="15.125" style="5" customWidth="1"/>
    <col min="15618" max="15618" width="5" style="5" customWidth="1"/>
    <col min="15619" max="15619" width="7.125" style="5" customWidth="1"/>
    <col min="15620" max="15620" width="12.625" style="5" customWidth="1"/>
    <col min="15621" max="15621" width="3.875" style="5" customWidth="1"/>
    <col min="15622" max="15622" width="17" style="5" customWidth="1"/>
    <col min="15623" max="15625" width="10.625" style="5" customWidth="1"/>
    <col min="15626" max="15626" width="14.875" style="5" customWidth="1"/>
    <col min="15627" max="15627" width="9.5" style="5" customWidth="1"/>
    <col min="15628" max="15628" width="0" style="5" hidden="1" customWidth="1"/>
    <col min="15629" max="15872" width="9" style="5"/>
    <col min="15873" max="15873" width="15.125" style="5" customWidth="1"/>
    <col min="15874" max="15874" width="5" style="5" customWidth="1"/>
    <col min="15875" max="15875" width="7.125" style="5" customWidth="1"/>
    <col min="15876" max="15876" width="12.625" style="5" customWidth="1"/>
    <col min="15877" max="15877" width="3.875" style="5" customWidth="1"/>
    <col min="15878" max="15878" width="17" style="5" customWidth="1"/>
    <col min="15879" max="15881" width="10.625" style="5" customWidth="1"/>
    <col min="15882" max="15882" width="14.875" style="5" customWidth="1"/>
    <col min="15883" max="15883" width="9.5" style="5" customWidth="1"/>
    <col min="15884" max="15884" width="0" style="5" hidden="1" customWidth="1"/>
    <col min="15885" max="16128" width="9" style="5"/>
    <col min="16129" max="16129" width="15.125" style="5" customWidth="1"/>
    <col min="16130" max="16130" width="5" style="5" customWidth="1"/>
    <col min="16131" max="16131" width="7.125" style="5" customWidth="1"/>
    <col min="16132" max="16132" width="12.625" style="5" customWidth="1"/>
    <col min="16133" max="16133" width="3.875" style="5" customWidth="1"/>
    <col min="16134" max="16134" width="17" style="5" customWidth="1"/>
    <col min="16135" max="16137" width="10.625" style="5" customWidth="1"/>
    <col min="16138" max="16138" width="14.875" style="5" customWidth="1"/>
    <col min="16139" max="16139" width="9.5" style="5" customWidth="1"/>
    <col min="16140" max="16140" width="0" style="5" hidden="1" customWidth="1"/>
    <col min="16141" max="16384" width="9" style="5"/>
  </cols>
  <sheetData>
    <row r="1" spans="1:31" x14ac:dyDescent="0.15">
      <c r="A1" s="1"/>
      <c r="B1" s="2" t="s">
        <v>39</v>
      </c>
      <c r="C1" s="3"/>
      <c r="D1" s="3"/>
      <c r="E1" s="3"/>
      <c r="F1" s="4"/>
      <c r="G1" s="1"/>
      <c r="H1" s="1"/>
      <c r="I1" s="1"/>
      <c r="J1" s="1"/>
      <c r="K1" s="1"/>
      <c r="L1" s="1"/>
    </row>
    <row r="2" spans="1:31" x14ac:dyDescent="0.15">
      <c r="A2" s="6"/>
      <c r="B2" s="6"/>
      <c r="C2" s="6"/>
      <c r="D2" s="6"/>
      <c r="E2" s="6"/>
      <c r="F2" s="6"/>
      <c r="G2" s="1"/>
      <c r="H2" s="1"/>
      <c r="I2" s="65" t="s">
        <v>0</v>
      </c>
      <c r="J2" s="65"/>
      <c r="K2" s="1"/>
      <c r="L2" s="1"/>
    </row>
    <row r="3" spans="1:31" x14ac:dyDescent="0.15">
      <c r="A3" s="7"/>
      <c r="B3" s="7"/>
      <c r="C3" s="7"/>
      <c r="D3" s="7"/>
      <c r="E3" s="7"/>
      <c r="F3" s="7"/>
      <c r="G3" s="1"/>
      <c r="H3" s="1"/>
      <c r="I3" s="1"/>
      <c r="J3" s="1"/>
      <c r="K3" s="1"/>
      <c r="L3" s="1"/>
    </row>
    <row r="4" spans="1:31" ht="30" customHeight="1" x14ac:dyDescent="0.15">
      <c r="A4" s="66" t="s">
        <v>1</v>
      </c>
      <c r="B4" s="66"/>
      <c r="C4" s="66"/>
      <c r="D4" s="66"/>
      <c r="E4" s="66"/>
      <c r="F4" s="66"/>
      <c r="G4" s="66"/>
      <c r="H4" s="66"/>
      <c r="I4" s="66"/>
      <c r="J4" s="66"/>
      <c r="K4" s="66"/>
      <c r="L4" s="66"/>
    </row>
    <row r="5" spans="1:31" ht="24.95" customHeight="1" x14ac:dyDescent="0.15">
      <c r="A5" s="8"/>
      <c r="B5" s="8"/>
      <c r="C5" s="8"/>
      <c r="D5" s="8"/>
      <c r="E5" s="8"/>
      <c r="F5" s="8"/>
      <c r="G5" s="8"/>
      <c r="H5" s="8"/>
      <c r="I5" s="8"/>
      <c r="J5" s="8"/>
      <c r="K5" s="8"/>
      <c r="L5" s="8"/>
    </row>
    <row r="6" spans="1:31" ht="24.95" customHeight="1" x14ac:dyDescent="0.15">
      <c r="A6" s="1"/>
      <c r="B6" s="8"/>
      <c r="C6" s="8"/>
      <c r="D6" s="8"/>
      <c r="E6" s="8"/>
      <c r="F6" s="8"/>
      <c r="G6" s="8"/>
      <c r="H6" s="8"/>
      <c r="I6" s="8"/>
      <c r="J6" s="8"/>
      <c r="K6" s="1"/>
      <c r="L6" s="1"/>
    </row>
    <row r="7" spans="1:31" ht="30" customHeight="1" x14ac:dyDescent="0.15">
      <c r="A7" s="1"/>
      <c r="B7" s="67" t="s">
        <v>2</v>
      </c>
      <c r="C7" s="67"/>
      <c r="D7" s="67"/>
      <c r="E7" s="67"/>
      <c r="F7" s="67"/>
      <c r="G7" s="67"/>
      <c r="H7" s="9"/>
      <c r="I7" s="10" t="s">
        <v>40</v>
      </c>
      <c r="J7" s="11"/>
      <c r="K7" s="12"/>
      <c r="L7" s="12"/>
    </row>
    <row r="8" spans="1:31" ht="30" customHeight="1" x14ac:dyDescent="0.15">
      <c r="A8" s="1"/>
      <c r="B8" s="67" t="s">
        <v>48</v>
      </c>
      <c r="C8" s="67"/>
      <c r="D8" s="67"/>
      <c r="E8" s="67"/>
      <c r="F8" s="67"/>
      <c r="G8" s="10"/>
      <c r="H8" s="13"/>
      <c r="K8" s="1"/>
      <c r="L8" s="1"/>
    </row>
    <row r="9" spans="1:31" ht="30" customHeight="1" x14ac:dyDescent="0.15">
      <c r="A9" s="1"/>
      <c r="B9" s="14"/>
      <c r="C9" s="14"/>
      <c r="D9" s="14"/>
      <c r="E9" s="14"/>
      <c r="F9" s="14"/>
      <c r="G9" s="10"/>
      <c r="H9" s="13"/>
      <c r="K9" s="1"/>
      <c r="L9" s="1"/>
    </row>
    <row r="10" spans="1:31" ht="20.25" customHeight="1" x14ac:dyDescent="0.15">
      <c r="A10" s="1"/>
      <c r="B10" s="14" t="s">
        <v>3</v>
      </c>
      <c r="C10" s="14"/>
      <c r="D10" s="14"/>
      <c r="E10" s="14"/>
      <c r="F10" s="14"/>
      <c r="G10" s="10"/>
      <c r="H10" s="13"/>
      <c r="K10" s="1"/>
      <c r="L10" s="1"/>
    </row>
    <row r="11" spans="1:31" ht="30.75" customHeight="1" x14ac:dyDescent="0.15">
      <c r="A11" s="1"/>
      <c r="B11" s="68" t="s">
        <v>4</v>
      </c>
      <c r="C11" s="68"/>
      <c r="D11" s="68"/>
      <c r="E11" s="68"/>
      <c r="F11" s="68"/>
      <c r="G11" s="68"/>
      <c r="H11" s="68"/>
      <c r="I11" s="68"/>
      <c r="J11" s="68"/>
      <c r="K11" s="15"/>
      <c r="L11" s="15"/>
      <c r="M11" s="16"/>
    </row>
    <row r="12" spans="1:31" ht="24.95" customHeight="1" x14ac:dyDescent="0.15">
      <c r="A12" s="1"/>
      <c r="B12" s="64" t="s">
        <v>5</v>
      </c>
      <c r="C12" s="64"/>
      <c r="D12" s="64"/>
      <c r="E12" s="64"/>
      <c r="F12" s="64"/>
      <c r="G12" s="64"/>
      <c r="H12" s="64"/>
      <c r="I12" s="64"/>
      <c r="J12" s="64"/>
      <c r="K12" s="15"/>
      <c r="L12" s="15"/>
      <c r="M12" s="16"/>
      <c r="N12" s="17"/>
      <c r="O12" s="17"/>
      <c r="P12" s="17"/>
      <c r="Q12" s="17"/>
      <c r="R12" s="17"/>
      <c r="S12" s="17"/>
      <c r="T12" s="17"/>
      <c r="U12" s="17"/>
      <c r="V12" s="17"/>
      <c r="W12" s="17"/>
      <c r="X12" s="17"/>
      <c r="Y12" s="17"/>
      <c r="Z12" s="17"/>
      <c r="AA12" s="17"/>
      <c r="AB12" s="17"/>
      <c r="AC12" s="17"/>
      <c r="AD12" s="17"/>
      <c r="AE12" s="17"/>
    </row>
    <row r="13" spans="1:31" ht="24.95" customHeight="1" x14ac:dyDescent="0.15">
      <c r="A13" s="1"/>
      <c r="B13" s="64"/>
      <c r="C13" s="64"/>
      <c r="D13" s="64"/>
      <c r="E13" s="64"/>
      <c r="F13" s="64"/>
      <c r="G13" s="64"/>
      <c r="H13" s="64"/>
      <c r="I13" s="64"/>
      <c r="J13" s="64"/>
      <c r="K13" s="18"/>
      <c r="L13" s="18"/>
      <c r="M13" s="17"/>
      <c r="N13" s="17"/>
      <c r="O13" s="17"/>
      <c r="P13" s="17"/>
      <c r="Q13" s="17"/>
      <c r="R13" s="17"/>
      <c r="S13" s="17"/>
      <c r="T13" s="17"/>
      <c r="U13" s="17"/>
      <c r="V13" s="17"/>
      <c r="W13" s="17"/>
      <c r="X13" s="17"/>
      <c r="Y13" s="17"/>
      <c r="Z13" s="17"/>
      <c r="AA13" s="17"/>
      <c r="AB13" s="17"/>
      <c r="AC13" s="17"/>
      <c r="AD13" s="17"/>
      <c r="AE13" s="17"/>
    </row>
    <row r="14" spans="1:31" ht="18.75" customHeight="1" x14ac:dyDescent="0.15">
      <c r="A14" s="1"/>
      <c r="B14" s="64"/>
      <c r="C14" s="64"/>
      <c r="D14" s="64"/>
      <c r="E14" s="64"/>
      <c r="F14" s="64"/>
      <c r="G14" s="64"/>
      <c r="H14" s="64"/>
      <c r="I14" s="64"/>
      <c r="J14" s="64"/>
      <c r="K14" s="18"/>
      <c r="L14" s="18"/>
      <c r="M14" s="17"/>
      <c r="N14" s="17"/>
      <c r="O14" s="17"/>
      <c r="P14" s="17"/>
      <c r="Q14" s="17"/>
      <c r="R14" s="17"/>
      <c r="S14" s="17"/>
      <c r="T14" s="17"/>
      <c r="U14" s="17"/>
      <c r="V14" s="17"/>
      <c r="W14" s="17"/>
      <c r="X14" s="17"/>
      <c r="Y14" s="17"/>
      <c r="Z14" s="17"/>
      <c r="AA14" s="17"/>
      <c r="AB14" s="17"/>
      <c r="AC14" s="17"/>
      <c r="AD14" s="17"/>
      <c r="AE14" s="17"/>
    </row>
    <row r="15" spans="1:31" ht="9.75" customHeight="1" thickBot="1" x14ac:dyDescent="0.2">
      <c r="A15" s="1"/>
      <c r="B15" s="19"/>
      <c r="C15" s="19"/>
      <c r="D15" s="19"/>
      <c r="E15" s="19"/>
      <c r="F15" s="19"/>
      <c r="G15" s="19"/>
      <c r="H15" s="19"/>
      <c r="I15" s="19"/>
      <c r="J15" s="19"/>
      <c r="K15" s="18"/>
      <c r="L15" s="18"/>
      <c r="M15" s="17"/>
      <c r="N15" s="17"/>
      <c r="O15" s="17"/>
      <c r="P15" s="17"/>
      <c r="Q15" s="17"/>
      <c r="R15" s="17"/>
      <c r="S15" s="17"/>
      <c r="T15" s="17"/>
      <c r="U15" s="17"/>
      <c r="V15" s="17"/>
      <c r="W15" s="17"/>
      <c r="X15" s="17"/>
      <c r="Y15" s="17"/>
      <c r="Z15" s="17"/>
      <c r="AA15" s="17"/>
      <c r="AB15" s="17"/>
      <c r="AC15" s="17"/>
      <c r="AD15" s="17"/>
      <c r="AE15" s="17"/>
    </row>
    <row r="16" spans="1:31" ht="27.95" customHeight="1" thickTop="1" x14ac:dyDescent="0.15">
      <c r="A16" s="1"/>
      <c r="B16" s="75" t="s">
        <v>6</v>
      </c>
      <c r="C16" s="76"/>
      <c r="D16" s="20" t="s">
        <v>7</v>
      </c>
      <c r="E16" s="21" t="s">
        <v>8</v>
      </c>
      <c r="F16" s="22" t="s">
        <v>9</v>
      </c>
      <c r="G16" s="23"/>
      <c r="H16" s="23"/>
      <c r="I16" s="23"/>
      <c r="J16" s="24"/>
      <c r="K16" s="1"/>
      <c r="L16" s="1"/>
    </row>
    <row r="17" spans="1:12" ht="50.25" customHeight="1" x14ac:dyDescent="0.15">
      <c r="A17" s="1"/>
      <c r="B17" s="77"/>
      <c r="C17" s="78"/>
      <c r="D17" s="25" t="s">
        <v>10</v>
      </c>
      <c r="E17" s="26"/>
      <c r="F17" s="27"/>
      <c r="G17" s="27"/>
      <c r="H17" s="27"/>
      <c r="I17" s="27"/>
      <c r="J17" s="28"/>
      <c r="K17" s="1"/>
      <c r="L17" s="1"/>
    </row>
    <row r="18" spans="1:12" ht="27.95" customHeight="1" x14ac:dyDescent="0.15">
      <c r="A18" s="1"/>
      <c r="B18" s="77"/>
      <c r="C18" s="78"/>
      <c r="D18" s="6" t="s">
        <v>11</v>
      </c>
      <c r="E18" s="29"/>
      <c r="F18" s="30"/>
      <c r="G18" s="31"/>
      <c r="H18" s="31"/>
      <c r="J18" s="32"/>
      <c r="K18" s="1"/>
      <c r="L18" s="1"/>
    </row>
    <row r="19" spans="1:12" ht="49.5" customHeight="1" x14ac:dyDescent="0.15">
      <c r="A19" s="1"/>
      <c r="B19" s="77"/>
      <c r="C19" s="78"/>
      <c r="D19" s="25" t="s">
        <v>12</v>
      </c>
      <c r="E19" s="81" t="s">
        <v>13</v>
      </c>
      <c r="F19" s="82"/>
      <c r="G19" s="82"/>
      <c r="H19" s="82"/>
      <c r="I19" s="82"/>
      <c r="J19" s="83"/>
      <c r="K19" s="1"/>
      <c r="L19" s="1"/>
    </row>
    <row r="20" spans="1:12" ht="27.95" customHeight="1" x14ac:dyDescent="0.15">
      <c r="A20" s="1"/>
      <c r="B20" s="77"/>
      <c r="C20" s="78"/>
      <c r="D20" s="33" t="s">
        <v>14</v>
      </c>
      <c r="E20" s="34" t="s">
        <v>15</v>
      </c>
      <c r="F20" s="6"/>
      <c r="G20" s="35"/>
      <c r="H20" s="35" t="s">
        <v>16</v>
      </c>
      <c r="I20" s="35"/>
      <c r="J20" s="36"/>
      <c r="K20" s="1"/>
      <c r="L20" s="1"/>
    </row>
    <row r="21" spans="1:12" ht="27.95" customHeight="1" thickBot="1" x14ac:dyDescent="0.2">
      <c r="A21" s="1"/>
      <c r="B21" s="79"/>
      <c r="C21" s="80"/>
      <c r="D21" s="37" t="s">
        <v>17</v>
      </c>
      <c r="E21" s="38"/>
      <c r="F21" s="39"/>
      <c r="G21" s="40"/>
      <c r="H21" s="41" t="s">
        <v>18</v>
      </c>
      <c r="I21" s="40"/>
      <c r="J21" s="42"/>
      <c r="K21" s="1"/>
      <c r="L21" s="1"/>
    </row>
    <row r="22" spans="1:12" ht="36" customHeight="1" thickTop="1" x14ac:dyDescent="0.15">
      <c r="A22" s="1"/>
      <c r="B22" s="1"/>
      <c r="C22" s="84" t="s">
        <v>19</v>
      </c>
      <c r="D22" s="84"/>
      <c r="E22" s="84"/>
      <c r="F22" s="84"/>
      <c r="G22" s="84"/>
      <c r="H22" s="84"/>
      <c r="I22" s="84"/>
      <c r="J22" s="84"/>
      <c r="K22" s="84"/>
      <c r="L22" s="1"/>
    </row>
    <row r="23" spans="1:12" ht="19.5" customHeight="1" x14ac:dyDescent="0.1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</row>
    <row r="24" spans="1:12" ht="30" customHeight="1" x14ac:dyDescent="0.15">
      <c r="A24" s="1"/>
      <c r="B24" s="43" t="s">
        <v>20</v>
      </c>
      <c r="C24" s="43"/>
      <c r="D24" s="85"/>
      <c r="E24" s="85"/>
      <c r="F24" s="85"/>
      <c r="G24" s="86" t="s">
        <v>21</v>
      </c>
      <c r="H24" s="86"/>
      <c r="I24" s="44"/>
      <c r="J24" s="45" t="s">
        <v>22</v>
      </c>
      <c r="K24" s="1"/>
      <c r="L24" s="1"/>
    </row>
    <row r="25" spans="1:12" ht="18" customHeight="1" x14ac:dyDescent="0.1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  <row r="26" spans="1:12" ht="30" customHeight="1" x14ac:dyDescent="0.15">
      <c r="A26" s="1"/>
      <c r="B26" s="43" t="s">
        <v>23</v>
      </c>
      <c r="C26" s="43"/>
      <c r="D26" s="87" t="s">
        <v>41</v>
      </c>
      <c r="E26" s="87"/>
      <c r="F26" s="87"/>
      <c r="G26" s="88" t="s">
        <v>42</v>
      </c>
      <c r="H26" s="88"/>
      <c r="I26" s="88"/>
      <c r="J26" s="88"/>
      <c r="K26" s="1"/>
      <c r="L26" s="1"/>
    </row>
    <row r="27" spans="1:12" ht="23.25" customHeight="1" thickBot="1" x14ac:dyDescent="0.2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</row>
    <row r="28" spans="1:12" ht="27" customHeight="1" thickTop="1" x14ac:dyDescent="0.15">
      <c r="A28" s="1"/>
      <c r="B28" s="89"/>
      <c r="C28" s="91" t="s">
        <v>24</v>
      </c>
      <c r="D28" s="92"/>
      <c r="E28" s="95" t="s">
        <v>25</v>
      </c>
      <c r="F28" s="95"/>
      <c r="G28" s="95" t="s">
        <v>26</v>
      </c>
      <c r="H28" s="95"/>
      <c r="I28" s="95"/>
      <c r="J28" s="97" t="s">
        <v>27</v>
      </c>
      <c r="K28" s="1"/>
      <c r="L28" s="1"/>
    </row>
    <row r="29" spans="1:12" ht="27" customHeight="1" x14ac:dyDescent="0.15">
      <c r="A29" s="1"/>
      <c r="B29" s="90"/>
      <c r="C29" s="93"/>
      <c r="D29" s="94"/>
      <c r="E29" s="96"/>
      <c r="F29" s="96"/>
      <c r="G29" s="46" t="s">
        <v>28</v>
      </c>
      <c r="H29" s="46" t="s">
        <v>29</v>
      </c>
      <c r="I29" s="46" t="s">
        <v>30</v>
      </c>
      <c r="J29" s="98"/>
      <c r="K29" s="1"/>
      <c r="L29" s="1"/>
    </row>
    <row r="30" spans="1:12" ht="42.75" customHeight="1" x14ac:dyDescent="0.15">
      <c r="A30" s="1"/>
      <c r="B30" s="69" t="s">
        <v>31</v>
      </c>
      <c r="C30" s="47"/>
      <c r="D30" s="48"/>
      <c r="E30" s="72"/>
      <c r="F30" s="72"/>
      <c r="G30" s="49"/>
      <c r="H30" s="49"/>
      <c r="I30" s="49"/>
      <c r="J30" s="50"/>
      <c r="K30" s="1"/>
      <c r="L30" s="1"/>
    </row>
    <row r="31" spans="1:12" ht="43.5" customHeight="1" x14ac:dyDescent="0.15">
      <c r="A31" s="1"/>
      <c r="B31" s="70"/>
      <c r="C31" s="51"/>
      <c r="D31" s="52"/>
      <c r="E31" s="73"/>
      <c r="F31" s="73"/>
      <c r="G31" s="53"/>
      <c r="H31" s="53"/>
      <c r="I31" s="53"/>
      <c r="J31" s="54"/>
      <c r="K31" s="1"/>
      <c r="L31" s="1"/>
    </row>
    <row r="32" spans="1:12" ht="43.5" customHeight="1" thickBot="1" x14ac:dyDescent="0.2">
      <c r="A32" s="1"/>
      <c r="B32" s="71"/>
      <c r="C32" s="55"/>
      <c r="D32" s="56"/>
      <c r="E32" s="74"/>
      <c r="F32" s="74"/>
      <c r="G32" s="57"/>
      <c r="H32" s="57"/>
      <c r="I32" s="57"/>
      <c r="J32" s="58"/>
      <c r="K32" s="1"/>
      <c r="L32" s="1"/>
    </row>
    <row r="33" spans="1:30" ht="14.25" thickTop="1" x14ac:dyDescent="0.1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</row>
    <row r="34" spans="1:30" ht="24.75" customHeight="1" x14ac:dyDescent="0.15">
      <c r="A34" s="1"/>
      <c r="B34" s="99" t="s">
        <v>32</v>
      </c>
      <c r="C34" s="99"/>
      <c r="D34" s="99"/>
      <c r="E34" s="99"/>
      <c r="F34" s="99"/>
      <c r="G34" s="99"/>
      <c r="H34" s="99"/>
      <c r="I34" s="99"/>
      <c r="J34" s="99"/>
      <c r="K34" s="1"/>
      <c r="L34" s="1"/>
    </row>
    <row r="35" spans="1:30" s="13" customFormat="1" ht="24.95" customHeight="1" x14ac:dyDescent="0.15">
      <c r="A35" s="11"/>
      <c r="B35" s="59" t="s">
        <v>33</v>
      </c>
      <c r="C35" s="59"/>
      <c r="D35" s="59"/>
      <c r="E35" s="59"/>
      <c r="F35" s="59"/>
      <c r="G35" s="59"/>
      <c r="H35" s="59"/>
      <c r="I35" s="59"/>
      <c r="J35" s="59"/>
      <c r="K35" s="11"/>
      <c r="L35" s="11"/>
    </row>
    <row r="36" spans="1:30" s="13" customFormat="1" ht="24.95" customHeight="1" x14ac:dyDescent="0.15">
      <c r="A36" s="11"/>
      <c r="B36" s="100" t="s">
        <v>34</v>
      </c>
      <c r="C36" s="100"/>
      <c r="D36" s="100"/>
      <c r="E36" s="100"/>
      <c r="F36" s="100"/>
      <c r="G36" s="100"/>
      <c r="H36" s="100"/>
      <c r="I36" s="100"/>
      <c r="J36" s="100"/>
      <c r="K36" s="11"/>
      <c r="L36" s="11"/>
    </row>
    <row r="37" spans="1:30" s="13" customFormat="1" ht="24.95" customHeight="1" thickBot="1" x14ac:dyDescent="0.2">
      <c r="A37" s="11"/>
      <c r="B37" s="59"/>
      <c r="C37" s="59"/>
      <c r="D37" s="59"/>
      <c r="E37" s="59"/>
      <c r="F37" s="59"/>
      <c r="G37" s="59"/>
      <c r="H37" s="59"/>
      <c r="I37" s="59"/>
      <c r="J37" s="59"/>
      <c r="K37" s="11"/>
      <c r="L37" s="11"/>
    </row>
    <row r="38" spans="1:30" s="13" customFormat="1" ht="24.95" customHeight="1" x14ac:dyDescent="0.15">
      <c r="A38" s="11"/>
      <c r="B38" s="106" t="s">
        <v>47</v>
      </c>
      <c r="C38" s="107"/>
      <c r="D38" s="108"/>
      <c r="E38" s="104"/>
      <c r="F38" s="63"/>
      <c r="G38" s="59"/>
      <c r="H38" s="59"/>
      <c r="I38" s="59"/>
      <c r="J38" s="59"/>
      <c r="K38" s="11"/>
      <c r="L38" s="11"/>
    </row>
    <row r="39" spans="1:30" s="13" customFormat="1" ht="24.95" customHeight="1" thickBot="1" x14ac:dyDescent="0.2">
      <c r="A39" s="11"/>
      <c r="B39" s="101" t="s">
        <v>35</v>
      </c>
      <c r="C39" s="102"/>
      <c r="D39" s="105" t="s">
        <v>36</v>
      </c>
      <c r="E39" s="63"/>
      <c r="F39" s="63"/>
      <c r="G39" s="59"/>
      <c r="H39" s="59"/>
      <c r="I39" s="59"/>
      <c r="J39" s="59"/>
      <c r="K39" s="11"/>
      <c r="L39" s="11"/>
    </row>
    <row r="40" spans="1:30" x14ac:dyDescent="0.15">
      <c r="A40" s="1"/>
      <c r="B40" s="1"/>
      <c r="C40" s="1"/>
      <c r="D40" s="1"/>
      <c r="E40" s="1"/>
      <c r="F40" s="1"/>
      <c r="G40" s="1" t="s">
        <v>37</v>
      </c>
      <c r="H40" s="1"/>
      <c r="I40" s="1"/>
      <c r="J40" s="1"/>
      <c r="K40" s="1"/>
      <c r="L40" s="60"/>
      <c r="N40" s="61"/>
      <c r="O40" s="61"/>
      <c r="P40" s="61"/>
      <c r="Q40" s="61"/>
      <c r="R40" s="61"/>
      <c r="S40" s="61"/>
      <c r="T40" s="61"/>
      <c r="U40" s="61"/>
      <c r="V40" s="61"/>
      <c r="W40" s="61"/>
      <c r="X40" s="61"/>
      <c r="Y40" s="61"/>
      <c r="Z40" s="61"/>
      <c r="AA40" s="61"/>
      <c r="AB40" s="61"/>
      <c r="AC40" s="61"/>
      <c r="AD40" s="61"/>
    </row>
    <row r="41" spans="1:30" x14ac:dyDescent="0.15">
      <c r="A41" s="1"/>
      <c r="B41" s="1"/>
      <c r="C41" s="1"/>
      <c r="D41" s="1"/>
      <c r="E41" s="1"/>
      <c r="F41" s="1"/>
      <c r="G41" s="1"/>
      <c r="H41" s="1"/>
      <c r="I41" s="1"/>
      <c r="J41" s="1"/>
      <c r="K41" s="62"/>
      <c r="L41" s="60"/>
      <c r="M41" s="61"/>
      <c r="N41" s="61"/>
      <c r="O41" s="61"/>
      <c r="P41" s="61"/>
      <c r="Q41" s="61"/>
      <c r="R41" s="61"/>
      <c r="S41" s="61"/>
      <c r="T41" s="61"/>
      <c r="U41" s="61"/>
      <c r="V41" s="61"/>
      <c r="W41" s="61"/>
      <c r="X41" s="61"/>
      <c r="Y41" s="61"/>
      <c r="Z41" s="61"/>
      <c r="AA41" s="61"/>
      <c r="AB41" s="61"/>
      <c r="AC41" s="61"/>
      <c r="AD41" s="61"/>
    </row>
    <row r="42" spans="1:30" x14ac:dyDescent="0.15">
      <c r="A42" s="1"/>
      <c r="B42" s="1"/>
      <c r="C42" s="1"/>
      <c r="D42" s="1"/>
      <c r="E42" s="1"/>
      <c r="F42" s="1"/>
      <c r="G42" s="62" t="s">
        <v>38</v>
      </c>
      <c r="H42" s="62"/>
      <c r="I42" s="62"/>
      <c r="J42" s="62"/>
      <c r="K42" s="1"/>
      <c r="L42" s="60"/>
      <c r="M42" s="61"/>
      <c r="N42" s="61"/>
      <c r="O42" s="61"/>
      <c r="P42" s="61"/>
      <c r="Q42" s="61"/>
      <c r="R42" s="61"/>
      <c r="S42" s="61"/>
      <c r="T42" s="61"/>
      <c r="U42" s="61"/>
      <c r="V42" s="61"/>
      <c r="W42" s="61"/>
      <c r="X42" s="61"/>
      <c r="Y42" s="61"/>
      <c r="Z42" s="61"/>
      <c r="AA42" s="61"/>
      <c r="AB42" s="61"/>
      <c r="AC42" s="61"/>
      <c r="AD42" s="61"/>
    </row>
    <row r="43" spans="1:30" x14ac:dyDescent="0.15">
      <c r="A43" s="1"/>
      <c r="B43" s="1"/>
      <c r="C43" s="1"/>
      <c r="D43" s="1"/>
      <c r="E43" s="1"/>
      <c r="F43" s="1"/>
      <c r="G43" s="1" t="s">
        <v>43</v>
      </c>
      <c r="H43" s="1"/>
      <c r="I43" s="1"/>
      <c r="J43" s="1"/>
      <c r="K43" s="1"/>
      <c r="L43" s="60"/>
      <c r="M43" s="61"/>
      <c r="N43" s="61"/>
      <c r="P43" s="61"/>
      <c r="Q43" s="61"/>
      <c r="R43" s="61"/>
      <c r="S43" s="61"/>
      <c r="T43" s="61"/>
      <c r="U43" s="61"/>
      <c r="V43" s="61"/>
      <c r="W43" s="61"/>
      <c r="X43" s="61"/>
      <c r="Y43" s="61"/>
      <c r="Z43" s="61"/>
      <c r="AA43" s="61"/>
      <c r="AB43" s="61"/>
      <c r="AC43" s="61"/>
      <c r="AD43" s="61"/>
    </row>
    <row r="44" spans="1:30" x14ac:dyDescent="0.15">
      <c r="A44" s="1"/>
      <c r="B44" s="1"/>
      <c r="C44" s="1"/>
      <c r="D44" s="1"/>
      <c r="E44" s="1"/>
      <c r="F44" s="1"/>
      <c r="G44" s="1" t="s">
        <v>44</v>
      </c>
      <c r="H44" s="1"/>
      <c r="I44" s="1"/>
      <c r="J44" s="1"/>
      <c r="K44" s="1"/>
      <c r="L44" s="60"/>
      <c r="M44" s="61"/>
      <c r="N44" s="61"/>
      <c r="O44" s="61"/>
      <c r="P44" s="61"/>
      <c r="Q44" s="61"/>
      <c r="S44" s="61"/>
      <c r="T44" s="61"/>
      <c r="U44" s="61"/>
      <c r="V44" s="61"/>
      <c r="W44" s="61"/>
      <c r="X44" s="61"/>
      <c r="Y44" s="61"/>
      <c r="Z44" s="61"/>
      <c r="AA44" s="61"/>
      <c r="AB44" s="61"/>
      <c r="AC44" s="61"/>
      <c r="AD44" s="61"/>
    </row>
    <row r="45" spans="1:30" x14ac:dyDescent="0.15">
      <c r="A45" s="1"/>
      <c r="B45" s="1"/>
      <c r="C45" s="1"/>
      <c r="D45" s="1"/>
      <c r="E45" s="1"/>
      <c r="F45" s="1"/>
      <c r="G45" s="103" t="s">
        <v>45</v>
      </c>
      <c r="H45" s="103"/>
      <c r="I45" s="103" t="s">
        <v>46</v>
      </c>
      <c r="J45" s="103"/>
      <c r="K45" s="1"/>
      <c r="L45" s="1"/>
    </row>
  </sheetData>
  <mergeCells count="28">
    <mergeCell ref="B34:J34"/>
    <mergeCell ref="B36:J36"/>
    <mergeCell ref="B39:C39"/>
    <mergeCell ref="G45:H45"/>
    <mergeCell ref="I45:J45"/>
    <mergeCell ref="B38:D38"/>
    <mergeCell ref="B30:B32"/>
    <mergeCell ref="E30:F30"/>
    <mergeCell ref="E31:F31"/>
    <mergeCell ref="E32:F32"/>
    <mergeCell ref="B16:C21"/>
    <mergeCell ref="E19:J19"/>
    <mergeCell ref="C22:K22"/>
    <mergeCell ref="D24:F24"/>
    <mergeCell ref="G24:H24"/>
    <mergeCell ref="D26:F26"/>
    <mergeCell ref="G26:J26"/>
    <mergeCell ref="B28:B29"/>
    <mergeCell ref="C28:D29"/>
    <mergeCell ref="E28:F29"/>
    <mergeCell ref="G28:I28"/>
    <mergeCell ref="J28:J29"/>
    <mergeCell ref="B12:J14"/>
    <mergeCell ref="I2:J2"/>
    <mergeCell ref="A4:L4"/>
    <mergeCell ref="B7:G7"/>
    <mergeCell ref="B8:F8"/>
    <mergeCell ref="B11:J11"/>
  </mergeCells>
  <phoneticPr fontId="3"/>
  <pageMargins left="1.1811023622047245" right="0" top="0.59055118110236227" bottom="0.19685039370078741" header="0.51181102362204722" footer="0.51181102362204722"/>
  <pageSetup paperSize="9" scale="7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使用申込書</vt:lpstr>
      <vt:lpstr>使用申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神戸すまいまちづくり公社</dc:creator>
  <cp:lastModifiedBy>山下　大介</cp:lastModifiedBy>
  <cp:lastPrinted>2019-10-24T06:57:07Z</cp:lastPrinted>
  <dcterms:created xsi:type="dcterms:W3CDTF">2016-10-05T02:23:55Z</dcterms:created>
  <dcterms:modified xsi:type="dcterms:W3CDTF">2019-10-24T06:58:14Z</dcterms:modified>
</cp:coreProperties>
</file>